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tm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0"/>
  </p:notesMasterIdLst>
  <p:handoutMasterIdLst>
    <p:handoutMasterId r:id="rId31"/>
  </p:handoutMasterIdLst>
  <p:sldIdLst>
    <p:sldId id="256" r:id="rId8"/>
    <p:sldId id="260" r:id="rId9"/>
    <p:sldId id="276" r:id="rId10"/>
    <p:sldId id="277" r:id="rId11"/>
    <p:sldId id="278" r:id="rId12"/>
    <p:sldId id="275" r:id="rId13"/>
    <p:sldId id="261" r:id="rId14"/>
    <p:sldId id="262" r:id="rId15"/>
    <p:sldId id="263" r:id="rId16"/>
    <p:sldId id="264" r:id="rId17"/>
    <p:sldId id="279" r:id="rId18"/>
    <p:sldId id="280" r:id="rId19"/>
    <p:sldId id="281" r:id="rId20"/>
    <p:sldId id="269" r:id="rId21"/>
    <p:sldId id="266" r:id="rId22"/>
    <p:sldId id="271" r:id="rId23"/>
    <p:sldId id="272" r:id="rId24"/>
    <p:sldId id="273" r:id="rId25"/>
    <p:sldId id="274" r:id="rId26"/>
    <p:sldId id="267" r:id="rId27"/>
    <p:sldId id="283" r:id="rId28"/>
    <p:sldId id="282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5674BCC-BC5D-4491-9E1A-E700DDE5ED59}" v="557" dt="2021-06-07T14:36:26.92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BC89EF96-8CEA-46FF-86C4-4CE0E7609802}" styleName="Light Style 3 - Acc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6098" autoAdjust="0"/>
  </p:normalViewPr>
  <p:slideViewPr>
    <p:cSldViewPr showGuides="1">
      <p:cViewPr varScale="1">
        <p:scale>
          <a:sx n="115" d="100"/>
          <a:sy n="115" d="100"/>
        </p:scale>
        <p:origin x="258" y="10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presProps" Target="presProps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gs" Target="tags/tag1.xml"/><Relationship Id="rId37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lan Wai Hou Lio" userId="4e2e7dda-a9a8-4e9f-8daf-fb8d3a66df36" providerId="ADAL" clId="{65674BCC-BC5D-4491-9E1A-E700DDE5ED59}"/>
    <pc:docChg chg="undo custSel addSld delSld modSld modMainMaster">
      <pc:chgData name="Alan Wai Hou Lio" userId="4e2e7dda-a9a8-4e9f-8daf-fb8d3a66df36" providerId="ADAL" clId="{65674BCC-BC5D-4491-9E1A-E700DDE5ED59}" dt="2021-06-07T14:36:26.928" v="3640"/>
      <pc:docMkLst>
        <pc:docMk/>
      </pc:docMkLst>
      <pc:sldChg chg="modSp mod">
        <pc:chgData name="Alan Wai Hou Lio" userId="4e2e7dda-a9a8-4e9f-8daf-fb8d3a66df36" providerId="ADAL" clId="{65674BCC-BC5D-4491-9E1A-E700DDE5ED59}" dt="2021-06-02T09:48:53.373" v="246" actId="790"/>
        <pc:sldMkLst>
          <pc:docMk/>
          <pc:sldMk cId="0" sldId="256"/>
        </pc:sldMkLst>
        <pc:spChg chg="mod">
          <ac:chgData name="Alan Wai Hou Lio" userId="4e2e7dda-a9a8-4e9f-8daf-fb8d3a66df36" providerId="ADAL" clId="{65674BCC-BC5D-4491-9E1A-E700DDE5ED59}" dt="2021-06-02T09:48:53.373" v="246" actId="790"/>
          <ac:spMkLst>
            <pc:docMk/>
            <pc:sldMk cId="0" sldId="256"/>
            <ac:spMk id="3" creationId="{0013EF6E-BC23-40A0-80D4-1EBE64DCC5D9}"/>
          </ac:spMkLst>
        </pc:spChg>
      </pc:sldChg>
      <pc:sldChg chg="modSp del mod">
        <pc:chgData name="Alan Wai Hou Lio" userId="4e2e7dda-a9a8-4e9f-8daf-fb8d3a66df36" providerId="ADAL" clId="{65674BCC-BC5D-4491-9E1A-E700DDE5ED59}" dt="2021-06-03T10:00:39.190" v="3416" actId="47"/>
        <pc:sldMkLst>
          <pc:docMk/>
          <pc:sldMk cId="1796381250" sldId="257"/>
        </pc:sldMkLst>
        <pc:spChg chg="mod">
          <ac:chgData name="Alan Wai Hou Lio" userId="4e2e7dda-a9a8-4e9f-8daf-fb8d3a66df36" providerId="ADAL" clId="{65674BCC-BC5D-4491-9E1A-E700DDE5ED59}" dt="2021-06-02T09:48:53.390" v="251" actId="790"/>
          <ac:spMkLst>
            <pc:docMk/>
            <pc:sldMk cId="1796381250" sldId="257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90" v="252"/>
          <ac:spMkLst>
            <pc:docMk/>
            <pc:sldMk cId="1796381250" sldId="257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91" v="253"/>
          <ac:spMkLst>
            <pc:docMk/>
            <pc:sldMk cId="1796381250" sldId="257"/>
            <ac:spMk id="8" creationId="{00000000-0000-0000-0000-000000000000}"/>
          </ac:spMkLst>
        </pc:spChg>
      </pc:sldChg>
      <pc:sldChg chg="delSp modSp mod">
        <pc:chgData name="Alan Wai Hou Lio" userId="4e2e7dda-a9a8-4e9f-8daf-fb8d3a66df36" providerId="ADAL" clId="{65674BCC-BC5D-4491-9E1A-E700DDE5ED59}" dt="2021-06-02T09:48:53.387" v="250" actId="790"/>
        <pc:sldMkLst>
          <pc:docMk/>
          <pc:sldMk cId="2320714135" sldId="260"/>
        </pc:sldMkLst>
        <pc:spChg chg="mod">
          <ac:chgData name="Alan Wai Hou Lio" userId="4e2e7dda-a9a8-4e9f-8daf-fb8d3a66df36" providerId="ADAL" clId="{65674BCC-BC5D-4491-9E1A-E700DDE5ED59}" dt="2021-06-02T09:48:53.377" v="249" actId="790"/>
          <ac:spMkLst>
            <pc:docMk/>
            <pc:sldMk cId="2320714135" sldId="260"/>
            <ac:spMk id="3" creationId="{0AA221E4-1851-497D-90EE-984C7112166A}"/>
          </ac:spMkLst>
        </pc:spChg>
        <pc:spChg chg="mod">
          <ac:chgData name="Alan Wai Hou Lio" userId="4e2e7dda-a9a8-4e9f-8daf-fb8d3a66df36" providerId="ADAL" clId="{65674BCC-BC5D-4491-9E1A-E700DDE5ED59}" dt="2021-06-02T09:48:53.374" v="247"/>
          <ac:spMkLst>
            <pc:docMk/>
            <pc:sldMk cId="2320714135" sldId="260"/>
            <ac:spMk id="4" creationId="{674358EA-4D5B-461F-997D-DE6729900DE7}"/>
          </ac:spMkLst>
        </pc:spChg>
        <pc:spChg chg="mod">
          <ac:chgData name="Alan Wai Hou Lio" userId="4e2e7dda-a9a8-4e9f-8daf-fb8d3a66df36" providerId="ADAL" clId="{65674BCC-BC5D-4491-9E1A-E700DDE5ED59}" dt="2021-06-02T09:48:53.374" v="248"/>
          <ac:spMkLst>
            <pc:docMk/>
            <pc:sldMk cId="2320714135" sldId="260"/>
            <ac:spMk id="5" creationId="{88CE6942-A17C-4247-86C6-41FACF7E90AC}"/>
          </ac:spMkLst>
        </pc:spChg>
        <pc:spChg chg="del mod">
          <ac:chgData name="Alan Wai Hou Lio" userId="4e2e7dda-a9a8-4e9f-8daf-fb8d3a66df36" providerId="ADAL" clId="{65674BCC-BC5D-4491-9E1A-E700DDE5ED59}" dt="2021-06-02T09:47:00.800" v="7" actId="478"/>
          <ac:spMkLst>
            <pc:docMk/>
            <pc:sldMk cId="2320714135" sldId="260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87" v="250" actId="790"/>
          <ac:spMkLst>
            <pc:docMk/>
            <pc:sldMk cId="2320714135" sldId="260"/>
            <ac:spMk id="8" creationId="{00000000-0000-0000-0000-000000000000}"/>
          </ac:spMkLst>
        </pc:spChg>
      </pc:sldChg>
      <pc:sldChg chg="modSp mod">
        <pc:chgData name="Alan Wai Hou Lio" userId="4e2e7dda-a9a8-4e9f-8daf-fb8d3a66df36" providerId="ADAL" clId="{65674BCC-BC5D-4491-9E1A-E700DDE5ED59}" dt="2021-06-02T09:48:53.415" v="274"/>
        <pc:sldMkLst>
          <pc:docMk/>
          <pc:sldMk cId="1116912554" sldId="261"/>
        </pc:sldMkLst>
        <pc:spChg chg="mod">
          <ac:chgData name="Alan Wai Hou Lio" userId="4e2e7dda-a9a8-4e9f-8daf-fb8d3a66df36" providerId="ADAL" clId="{65674BCC-BC5D-4491-9E1A-E700DDE5ED59}" dt="2021-06-02T09:48:53.399" v="257" actId="790"/>
          <ac:spMkLst>
            <pc:docMk/>
            <pc:sldMk cId="1116912554" sldId="261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0" v="258"/>
          <ac:spMkLst>
            <pc:docMk/>
            <pc:sldMk cId="1116912554" sldId="261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1" v="259"/>
          <ac:spMkLst>
            <pc:docMk/>
            <pc:sldMk cId="1116912554" sldId="261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1" v="260"/>
          <ac:spMkLst>
            <pc:docMk/>
            <pc:sldMk cId="1116912554" sldId="261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2" v="261"/>
          <ac:spMkLst>
            <pc:docMk/>
            <pc:sldMk cId="1116912554" sldId="261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3" v="262"/>
          <ac:spMkLst>
            <pc:docMk/>
            <pc:sldMk cId="1116912554" sldId="261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4" v="263"/>
          <ac:spMkLst>
            <pc:docMk/>
            <pc:sldMk cId="1116912554" sldId="261"/>
            <ac:spMk id="3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5" v="264"/>
          <ac:spMkLst>
            <pc:docMk/>
            <pc:sldMk cId="1116912554" sldId="261"/>
            <ac:spMk id="3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6" v="265"/>
          <ac:spMkLst>
            <pc:docMk/>
            <pc:sldMk cId="1116912554" sldId="261"/>
            <ac:spMk id="4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8" v="266"/>
          <ac:spMkLst>
            <pc:docMk/>
            <pc:sldMk cId="1116912554" sldId="261"/>
            <ac:spMk id="42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9" v="267"/>
          <ac:spMkLst>
            <pc:docMk/>
            <pc:sldMk cId="1116912554" sldId="261"/>
            <ac:spMk id="4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9" v="268"/>
          <ac:spMkLst>
            <pc:docMk/>
            <pc:sldMk cId="1116912554" sldId="261"/>
            <ac:spMk id="4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0" v="269"/>
          <ac:spMkLst>
            <pc:docMk/>
            <pc:sldMk cId="1116912554" sldId="261"/>
            <ac:spMk id="4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0" v="270"/>
          <ac:spMkLst>
            <pc:docMk/>
            <pc:sldMk cId="1116912554" sldId="261"/>
            <ac:spMk id="4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1" v="271"/>
          <ac:spMkLst>
            <pc:docMk/>
            <pc:sldMk cId="1116912554" sldId="261"/>
            <ac:spMk id="4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3" v="272"/>
          <ac:spMkLst>
            <pc:docMk/>
            <pc:sldMk cId="1116912554" sldId="261"/>
            <ac:spMk id="5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4" v="273"/>
          <ac:spMkLst>
            <pc:docMk/>
            <pc:sldMk cId="1116912554" sldId="261"/>
            <ac:spMk id="5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5" v="274"/>
          <ac:spMkLst>
            <pc:docMk/>
            <pc:sldMk cId="1116912554" sldId="261"/>
            <ac:spMk id="52" creationId="{00000000-0000-0000-0000-000000000000}"/>
          </ac:spMkLst>
        </pc:spChg>
      </pc:sldChg>
      <pc:sldChg chg="modSp mod">
        <pc:chgData name="Alan Wai Hou Lio" userId="4e2e7dda-a9a8-4e9f-8daf-fb8d3a66df36" providerId="ADAL" clId="{65674BCC-BC5D-4491-9E1A-E700DDE5ED59}" dt="2021-06-02T09:48:53.423" v="278"/>
        <pc:sldMkLst>
          <pc:docMk/>
          <pc:sldMk cId="3826915553" sldId="262"/>
        </pc:sldMkLst>
        <pc:spChg chg="mod">
          <ac:chgData name="Alan Wai Hou Lio" userId="4e2e7dda-a9a8-4e9f-8daf-fb8d3a66df36" providerId="ADAL" clId="{65674BCC-BC5D-4491-9E1A-E700DDE5ED59}" dt="2021-06-02T09:48:53.418" v="275" actId="790"/>
          <ac:spMkLst>
            <pc:docMk/>
            <pc:sldMk cId="3826915553" sldId="262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9" v="276"/>
          <ac:spMkLst>
            <pc:docMk/>
            <pc:sldMk cId="3826915553" sldId="262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22" v="277"/>
          <ac:spMkLst>
            <pc:docMk/>
            <pc:sldMk cId="3826915553" sldId="262"/>
            <ac:spMk id="1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23" v="278"/>
          <ac:spMkLst>
            <pc:docMk/>
            <pc:sldMk cId="3826915553" sldId="262"/>
            <ac:spMk id="30" creationId="{00000000-0000-0000-0000-000000000000}"/>
          </ac:spMkLst>
        </pc:spChg>
      </pc:sldChg>
      <pc:sldChg chg="delSp modSp mod modAnim">
        <pc:chgData name="Alan Wai Hou Lio" userId="4e2e7dda-a9a8-4e9f-8daf-fb8d3a66df36" providerId="ADAL" clId="{65674BCC-BC5D-4491-9E1A-E700DDE5ED59}" dt="2021-06-07T14:33:51.059" v="3626" actId="1076"/>
        <pc:sldMkLst>
          <pc:docMk/>
          <pc:sldMk cId="1103038777" sldId="263"/>
        </pc:sldMkLst>
        <pc:spChg chg="mod">
          <ac:chgData name="Alan Wai Hou Lio" userId="4e2e7dda-a9a8-4e9f-8daf-fb8d3a66df36" providerId="ADAL" clId="{65674BCC-BC5D-4491-9E1A-E700DDE5ED59}" dt="2021-06-02T09:48:53.426" v="279" actId="790"/>
          <ac:spMkLst>
            <pc:docMk/>
            <pc:sldMk cId="1103038777" sldId="263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0:08:55.293" v="1129" actId="20577"/>
          <ac:spMkLst>
            <pc:docMk/>
            <pc:sldMk cId="1103038777" sldId="263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0:08:58.370" v="1131" actId="20577"/>
          <ac:spMkLst>
            <pc:docMk/>
            <pc:sldMk cId="1103038777" sldId="263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27" v="281"/>
          <ac:spMkLst>
            <pc:docMk/>
            <pc:sldMk cId="1103038777" sldId="263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0" v="282"/>
          <ac:spMkLst>
            <pc:docMk/>
            <pc:sldMk cId="1103038777" sldId="263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7T14:33:51.059" v="3626" actId="1076"/>
          <ac:spMkLst>
            <pc:docMk/>
            <pc:sldMk cId="1103038777" sldId="263"/>
            <ac:spMk id="1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1" v="283"/>
          <ac:spMkLst>
            <pc:docMk/>
            <pc:sldMk cId="1103038777" sldId="263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2" v="284"/>
          <ac:spMkLst>
            <pc:docMk/>
            <pc:sldMk cId="1103038777" sldId="263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3" v="285"/>
          <ac:spMkLst>
            <pc:docMk/>
            <pc:sldMk cId="1103038777" sldId="263"/>
            <ac:spMk id="24" creationId="{00000000-0000-0000-0000-000000000000}"/>
          </ac:spMkLst>
        </pc:spChg>
        <pc:grpChg chg="del">
          <ac:chgData name="Alan Wai Hou Lio" userId="4e2e7dda-a9a8-4e9f-8daf-fb8d3a66df36" providerId="ADAL" clId="{65674BCC-BC5D-4491-9E1A-E700DDE5ED59}" dt="2021-06-07T14:33:46.650" v="3625" actId="478"/>
          <ac:grpSpMkLst>
            <pc:docMk/>
            <pc:sldMk cId="1103038777" sldId="263"/>
            <ac:grpSpMk id="16" creationId="{00000000-0000-0000-0000-000000000000}"/>
          </ac:grpSpMkLst>
        </pc:grpChg>
      </pc:sldChg>
      <pc:sldChg chg="modSp mod">
        <pc:chgData name="Alan Wai Hou Lio" userId="4e2e7dda-a9a8-4e9f-8daf-fb8d3a66df36" providerId="ADAL" clId="{65674BCC-BC5D-4491-9E1A-E700DDE5ED59}" dt="2021-06-02T09:48:53.443" v="290"/>
        <pc:sldMkLst>
          <pc:docMk/>
          <pc:sldMk cId="1067254325" sldId="264"/>
        </pc:sldMkLst>
        <pc:spChg chg="mod">
          <ac:chgData name="Alan Wai Hou Lio" userId="4e2e7dda-a9a8-4e9f-8daf-fb8d3a66df36" providerId="ADAL" clId="{65674BCC-BC5D-4491-9E1A-E700DDE5ED59}" dt="2021-06-02T09:48:53.439" v="287" actId="790"/>
          <ac:spMkLst>
            <pc:docMk/>
            <pc:sldMk cId="1067254325" sldId="264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40" v="288"/>
          <ac:spMkLst>
            <pc:docMk/>
            <pc:sldMk cId="1067254325" sldId="264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41" v="289"/>
          <ac:spMkLst>
            <pc:docMk/>
            <pc:sldMk cId="1067254325" sldId="264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43" v="290"/>
          <ac:spMkLst>
            <pc:docMk/>
            <pc:sldMk cId="1067254325" sldId="264"/>
            <ac:spMk id="35" creationId="{00000000-0000-0000-0000-000000000000}"/>
          </ac:spMkLst>
        </pc:spChg>
      </pc:sldChg>
      <pc:sldChg chg="addSp delSp modSp del mod">
        <pc:chgData name="Alan Wai Hou Lio" userId="4e2e7dda-a9a8-4e9f-8daf-fb8d3a66df36" providerId="ADAL" clId="{65674BCC-BC5D-4491-9E1A-E700DDE5ED59}" dt="2021-06-02T11:39:08.351" v="1550" actId="47"/>
        <pc:sldMkLst>
          <pc:docMk/>
          <pc:sldMk cId="1859971929" sldId="265"/>
        </pc:sldMkLst>
        <pc:spChg chg="mod">
          <ac:chgData name="Alan Wai Hou Lio" userId="4e2e7dda-a9a8-4e9f-8daf-fb8d3a66df36" providerId="ADAL" clId="{65674BCC-BC5D-4491-9E1A-E700DDE5ED59}" dt="2021-06-02T09:48:53.445" v="291" actId="790"/>
          <ac:spMkLst>
            <pc:docMk/>
            <pc:sldMk cId="1859971929" sldId="265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30:03.145" v="1184" actId="20577"/>
          <ac:spMkLst>
            <pc:docMk/>
            <pc:sldMk cId="1859971929" sldId="265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51" v="293"/>
          <ac:spMkLst>
            <pc:docMk/>
            <pc:sldMk cId="1859971929" sldId="265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54" v="294" actId="790"/>
          <ac:spMkLst>
            <pc:docMk/>
            <pc:sldMk cId="1859971929" sldId="265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57" v="295" actId="790"/>
          <ac:spMkLst>
            <pc:docMk/>
            <pc:sldMk cId="1859971929" sldId="265"/>
            <ac:spMk id="15" creationId="{00000000-0000-0000-0000-000000000000}"/>
          </ac:spMkLst>
        </pc:spChg>
        <pc:picChg chg="add del mod">
          <ac:chgData name="Alan Wai Hou Lio" userId="4e2e7dda-a9a8-4e9f-8daf-fb8d3a66df36" providerId="ADAL" clId="{65674BCC-BC5D-4491-9E1A-E700DDE5ED59}" dt="2021-06-02T11:29:38.525" v="1169" actId="478"/>
          <ac:picMkLst>
            <pc:docMk/>
            <pc:sldMk cId="1859971929" sldId="265"/>
            <ac:picMk id="3" creationId="{DA39B9F3-B6DC-4047-8B15-D5DCF29640AB}"/>
          </ac:picMkLst>
        </pc:picChg>
      </pc:sldChg>
      <pc:sldChg chg="modSp mod">
        <pc:chgData name="Alan Wai Hou Lio" userId="4e2e7dda-a9a8-4e9f-8daf-fb8d3a66df36" providerId="ADAL" clId="{65674BCC-BC5D-4491-9E1A-E700DDE5ED59}" dt="2021-06-02T09:48:53.498" v="307"/>
        <pc:sldMkLst>
          <pc:docMk/>
          <pc:sldMk cId="2718484580" sldId="266"/>
        </pc:sldMkLst>
        <pc:spChg chg="mod">
          <ac:chgData name="Alan Wai Hou Lio" userId="4e2e7dda-a9a8-4e9f-8daf-fb8d3a66df36" providerId="ADAL" clId="{65674BCC-BC5D-4491-9E1A-E700DDE5ED59}" dt="2021-06-02T09:48:53.475" v="304" actId="790"/>
          <ac:spMkLst>
            <pc:docMk/>
            <pc:sldMk cId="2718484580" sldId="266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76" v="305"/>
          <ac:spMkLst>
            <pc:docMk/>
            <pc:sldMk cId="2718484580" sldId="266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87" v="306"/>
          <ac:spMkLst>
            <pc:docMk/>
            <pc:sldMk cId="2718484580" sldId="266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98" v="307"/>
          <ac:spMkLst>
            <pc:docMk/>
            <pc:sldMk cId="2718484580" sldId="266"/>
            <ac:spMk id="15" creationId="{00000000-0000-0000-0000-000000000000}"/>
          </ac:spMkLst>
        </pc:spChg>
      </pc:sldChg>
      <pc:sldChg chg="addSp delSp modSp mod delAnim">
        <pc:chgData name="Alan Wai Hou Lio" userId="4e2e7dda-a9a8-4e9f-8daf-fb8d3a66df36" providerId="ADAL" clId="{65674BCC-BC5D-4491-9E1A-E700DDE5ED59}" dt="2021-06-02T14:36:38.636" v="2152" actId="1076"/>
        <pc:sldMkLst>
          <pc:docMk/>
          <pc:sldMk cId="2930659116" sldId="267"/>
        </pc:sldMkLst>
        <pc:spChg chg="mod">
          <ac:chgData name="Alan Wai Hou Lio" userId="4e2e7dda-a9a8-4e9f-8daf-fb8d3a66df36" providerId="ADAL" clId="{65674BCC-BC5D-4491-9E1A-E700DDE5ED59}" dt="2021-06-02T09:48:53.554" v="331" actId="790"/>
          <ac:spMkLst>
            <pc:docMk/>
            <pc:sldMk cId="2930659116" sldId="267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55" v="332"/>
          <ac:spMkLst>
            <pc:docMk/>
            <pc:sldMk cId="2930659116" sldId="267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36:32.880" v="2150" actId="1076"/>
          <ac:spMkLst>
            <pc:docMk/>
            <pc:sldMk cId="2930659116" sldId="267"/>
            <ac:spMk id="1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36:38.636" v="2152" actId="1076"/>
          <ac:spMkLst>
            <pc:docMk/>
            <pc:sldMk cId="2930659116" sldId="267"/>
            <ac:spMk id="12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4:14:16.101" v="2134" actId="478"/>
          <ac:spMkLst>
            <pc:docMk/>
            <pc:sldMk cId="2930659116" sldId="267"/>
            <ac:spMk id="1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59" v="336"/>
          <ac:spMkLst>
            <pc:docMk/>
            <pc:sldMk cId="2930659116" sldId="267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59" v="337"/>
          <ac:spMkLst>
            <pc:docMk/>
            <pc:sldMk cId="2930659116" sldId="267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14:19.584" v="2137" actId="478"/>
          <ac:spMkLst>
            <pc:docMk/>
            <pc:sldMk cId="2930659116" sldId="267"/>
            <ac:spMk id="18" creationId="{00000000-0000-0000-0000-000000000000}"/>
          </ac:spMkLst>
        </pc:spChg>
        <pc:grpChg chg="add del mod">
          <ac:chgData name="Alan Wai Hou Lio" userId="4e2e7dda-a9a8-4e9f-8daf-fb8d3a66df36" providerId="ADAL" clId="{65674BCC-BC5D-4491-9E1A-E700DDE5ED59}" dt="2021-06-02T14:14:19.584" v="2137" actId="478"/>
          <ac:grpSpMkLst>
            <pc:docMk/>
            <pc:sldMk cId="2930659116" sldId="267"/>
            <ac:grpSpMk id="21" creationId="{00000000-0000-0000-0000-000000000000}"/>
          </ac:grpSpMkLst>
        </pc:grpChg>
        <pc:picChg chg="add mod ord modCrop">
          <ac:chgData name="Alan Wai Hou Lio" userId="4e2e7dda-a9a8-4e9f-8daf-fb8d3a66df36" providerId="ADAL" clId="{65674BCC-BC5D-4491-9E1A-E700DDE5ED59}" dt="2021-06-02T14:36:36.443" v="2151" actId="1076"/>
          <ac:picMkLst>
            <pc:docMk/>
            <pc:sldMk cId="2930659116" sldId="267"/>
            <ac:picMk id="2" creationId="{6C6DE9FA-1323-4AB8-98E4-62B2EC8728BF}"/>
          </ac:picMkLst>
        </pc:picChg>
        <pc:picChg chg="del">
          <ac:chgData name="Alan Wai Hou Lio" userId="4e2e7dda-a9a8-4e9f-8daf-fb8d3a66df36" providerId="ADAL" clId="{65674BCC-BC5D-4491-9E1A-E700DDE5ED59}" dt="2021-06-02T14:35:17.022" v="2138" actId="478"/>
          <ac:picMkLst>
            <pc:docMk/>
            <pc:sldMk cId="2930659116" sldId="267"/>
            <ac:picMk id="10" creationId="{00000000-0000-0000-0000-000000000000}"/>
          </ac:picMkLst>
        </pc:picChg>
        <pc:cxnChg chg="del mod">
          <ac:chgData name="Alan Wai Hou Lio" userId="4e2e7dda-a9a8-4e9f-8daf-fb8d3a66df36" providerId="ADAL" clId="{65674BCC-BC5D-4491-9E1A-E700DDE5ED59}" dt="2021-06-02T14:14:19.584" v="2137" actId="478"/>
          <ac:cxnSpMkLst>
            <pc:docMk/>
            <pc:sldMk cId="2930659116" sldId="267"/>
            <ac:cxnSpMk id="19" creationId="{00000000-0000-0000-0000-000000000000}"/>
          </ac:cxnSpMkLst>
        </pc:cxnChg>
        <pc:cxnChg chg="mod">
          <ac:chgData name="Alan Wai Hou Lio" userId="4e2e7dda-a9a8-4e9f-8daf-fb8d3a66df36" providerId="ADAL" clId="{65674BCC-BC5D-4491-9E1A-E700DDE5ED59}" dt="2021-06-02T14:14:12.893" v="2133" actId="1076"/>
          <ac:cxnSpMkLst>
            <pc:docMk/>
            <pc:sldMk cId="2930659116" sldId="267"/>
            <ac:cxnSpMk id="26" creationId="{00000000-0000-0000-0000-000000000000}"/>
          </ac:cxnSpMkLst>
        </pc:cxnChg>
      </pc:sldChg>
      <pc:sldChg chg="modSp del mod">
        <pc:chgData name="Alan Wai Hou Lio" userId="4e2e7dda-a9a8-4e9f-8daf-fb8d3a66df36" providerId="ADAL" clId="{65674BCC-BC5D-4491-9E1A-E700DDE5ED59}" dt="2021-06-02T15:04:59.249" v="3273" actId="47"/>
        <pc:sldMkLst>
          <pc:docMk/>
          <pc:sldMk cId="839679466" sldId="268"/>
        </pc:sldMkLst>
        <pc:spChg chg="mod">
          <ac:chgData name="Alan Wai Hou Lio" userId="4e2e7dda-a9a8-4e9f-8daf-fb8d3a66df36" providerId="ADAL" clId="{65674BCC-BC5D-4491-9E1A-E700DDE5ED59}" dt="2021-06-02T09:48:53.562" v="338" actId="790"/>
          <ac:spMkLst>
            <pc:docMk/>
            <pc:sldMk cId="839679466" sldId="268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3" v="339"/>
          <ac:spMkLst>
            <pc:docMk/>
            <pc:sldMk cId="839679466" sldId="268"/>
            <ac:spMk id="1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4" v="340"/>
          <ac:spMkLst>
            <pc:docMk/>
            <pc:sldMk cId="839679466" sldId="268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6" v="341"/>
          <ac:spMkLst>
            <pc:docMk/>
            <pc:sldMk cId="839679466" sldId="268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7" v="342"/>
          <ac:spMkLst>
            <pc:docMk/>
            <pc:sldMk cId="839679466" sldId="268"/>
            <ac:spMk id="1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36:47.849" v="2153" actId="1076"/>
          <ac:spMkLst>
            <pc:docMk/>
            <pc:sldMk cId="839679466" sldId="268"/>
            <ac:spMk id="17" creationId="{00000000-0000-0000-0000-000000000000}"/>
          </ac:spMkLst>
        </pc:spChg>
      </pc:sldChg>
      <pc:sldChg chg="addSp delSp modSp mod delAnim modAnim">
        <pc:chgData name="Alan Wai Hou Lio" userId="4e2e7dda-a9a8-4e9f-8daf-fb8d3a66df36" providerId="ADAL" clId="{65674BCC-BC5D-4491-9E1A-E700DDE5ED59}" dt="2021-06-07T14:35:42.733" v="3635" actId="20577"/>
        <pc:sldMkLst>
          <pc:docMk/>
          <pc:sldMk cId="3175162259" sldId="269"/>
        </pc:sldMkLst>
        <pc:spChg chg="mod">
          <ac:chgData name="Alan Wai Hou Lio" userId="4e2e7dda-a9a8-4e9f-8daf-fb8d3a66df36" providerId="ADAL" clId="{65674BCC-BC5D-4491-9E1A-E700DDE5ED59}" dt="2021-06-02T09:48:53.460" v="296" actId="790"/>
          <ac:spMkLst>
            <pc:docMk/>
            <pc:sldMk cId="3175162259" sldId="269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64" v="297" actId="790"/>
          <ac:spMkLst>
            <pc:docMk/>
            <pc:sldMk cId="3175162259" sldId="269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7T14:35:42.733" v="3635" actId="20577"/>
          <ac:spMkLst>
            <pc:docMk/>
            <pc:sldMk cId="3175162259" sldId="269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48:08.061" v="1826" actId="1076"/>
          <ac:spMkLst>
            <pc:docMk/>
            <pc:sldMk cId="3175162259" sldId="269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48:04.340" v="1824" actId="1076"/>
          <ac:spMkLst>
            <pc:docMk/>
            <pc:sldMk cId="3175162259" sldId="269"/>
            <ac:spMk id="10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1:47:52.580" v="1818" actId="478"/>
          <ac:spMkLst>
            <pc:docMk/>
            <pc:sldMk cId="3175162259" sldId="269"/>
            <ac:spMk id="1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48:05.888" v="1825" actId="1076"/>
          <ac:spMkLst>
            <pc:docMk/>
            <pc:sldMk cId="3175162259" sldId="269"/>
            <ac:spMk id="13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1:45:29.981" v="1792" actId="478"/>
          <ac:spMkLst>
            <pc:docMk/>
            <pc:sldMk cId="3175162259" sldId="269"/>
            <ac:spMk id="14" creationId="{00000000-0000-0000-0000-000000000000}"/>
          </ac:spMkLst>
        </pc:spChg>
        <pc:spChg chg="add mod">
          <ac:chgData name="Alan Wai Hou Lio" userId="4e2e7dda-a9a8-4e9f-8daf-fb8d3a66df36" providerId="ADAL" clId="{65674BCC-BC5D-4491-9E1A-E700DDE5ED59}" dt="2021-06-02T11:45:40.405" v="1794" actId="1076"/>
          <ac:spMkLst>
            <pc:docMk/>
            <pc:sldMk cId="3175162259" sldId="269"/>
            <ac:spMk id="18" creationId="{44B6B9C5-7152-43AB-AC1D-6D0B5FDFFD14}"/>
          </ac:spMkLst>
        </pc:spChg>
        <pc:spChg chg="add del mod">
          <ac:chgData name="Alan Wai Hou Lio" userId="4e2e7dda-a9a8-4e9f-8daf-fb8d3a66df36" providerId="ADAL" clId="{65674BCC-BC5D-4491-9E1A-E700DDE5ED59}" dt="2021-06-02T11:46:22.741" v="1797"/>
          <ac:spMkLst>
            <pc:docMk/>
            <pc:sldMk cId="3175162259" sldId="269"/>
            <ac:spMk id="19" creationId="{9675B7F3-F32B-4F70-8035-F13D999AE6B6}"/>
          </ac:spMkLst>
        </pc:spChg>
        <pc:grpChg chg="mod">
          <ac:chgData name="Alan Wai Hou Lio" userId="4e2e7dda-a9a8-4e9f-8daf-fb8d3a66df36" providerId="ADAL" clId="{65674BCC-BC5D-4491-9E1A-E700DDE5ED59}" dt="2021-06-02T11:47:21.688" v="1806" actId="1076"/>
          <ac:grpSpMkLst>
            <pc:docMk/>
            <pc:sldMk cId="3175162259" sldId="269"/>
            <ac:grpSpMk id="15" creationId="{00000000-0000-0000-0000-000000000000}"/>
          </ac:grpSpMkLst>
        </pc:grpChg>
        <pc:picChg chg="add del mod">
          <ac:chgData name="Alan Wai Hou Lio" userId="4e2e7dda-a9a8-4e9f-8daf-fb8d3a66df36" providerId="ADAL" clId="{65674BCC-BC5D-4491-9E1A-E700DDE5ED59}" dt="2021-06-02T11:47:00.037" v="1800" actId="478"/>
          <ac:picMkLst>
            <pc:docMk/>
            <pc:sldMk cId="3175162259" sldId="269"/>
            <ac:picMk id="2" creationId="{3217BE6B-219C-42EC-B0B6-D23D56A5395C}"/>
          </ac:picMkLst>
        </pc:picChg>
        <pc:picChg chg="add mod ord">
          <ac:chgData name="Alan Wai Hou Lio" userId="4e2e7dda-a9a8-4e9f-8daf-fb8d3a66df36" providerId="ADAL" clId="{65674BCC-BC5D-4491-9E1A-E700DDE5ED59}" dt="2021-06-02T11:48:09.591" v="1827" actId="1076"/>
          <ac:picMkLst>
            <pc:docMk/>
            <pc:sldMk cId="3175162259" sldId="269"/>
            <ac:picMk id="3" creationId="{6D48CB38-DA3E-4567-A6F8-D28A3361408C}"/>
          </ac:picMkLst>
        </pc:picChg>
        <pc:picChg chg="del">
          <ac:chgData name="Alan Wai Hou Lio" userId="4e2e7dda-a9a8-4e9f-8daf-fb8d3a66df36" providerId="ADAL" clId="{65674BCC-BC5D-4491-9E1A-E700DDE5ED59}" dt="2021-06-02T11:46:20.880" v="1795" actId="478"/>
          <ac:picMkLst>
            <pc:docMk/>
            <pc:sldMk cId="3175162259" sldId="269"/>
            <ac:picMk id="7" creationId="{00000000-0000-0000-0000-000000000000}"/>
          </ac:picMkLst>
        </pc:picChg>
      </pc:sldChg>
      <pc:sldChg chg="modSp mod">
        <pc:chgData name="Alan Wai Hou Lio" userId="4e2e7dda-a9a8-4e9f-8daf-fb8d3a66df36" providerId="ADAL" clId="{65674BCC-BC5D-4491-9E1A-E700DDE5ED59}" dt="2021-06-02T09:48:53.518" v="314" actId="790"/>
        <pc:sldMkLst>
          <pc:docMk/>
          <pc:sldMk cId="1524191745" sldId="271"/>
        </pc:sldMkLst>
        <pc:spChg chg="mod">
          <ac:chgData name="Alan Wai Hou Lio" userId="4e2e7dda-a9a8-4e9f-8daf-fb8d3a66df36" providerId="ADAL" clId="{65674BCC-BC5D-4491-9E1A-E700DDE5ED59}" dt="2021-06-02T09:48:53.500" v="308" actId="790"/>
          <ac:spMkLst>
            <pc:docMk/>
            <pc:sldMk cId="1524191745" sldId="271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01" v="309"/>
          <ac:spMkLst>
            <pc:docMk/>
            <pc:sldMk cId="1524191745" sldId="271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2" v="310"/>
          <ac:spMkLst>
            <pc:docMk/>
            <pc:sldMk cId="1524191745" sldId="271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3" v="311"/>
          <ac:spMkLst>
            <pc:docMk/>
            <pc:sldMk cId="1524191745" sldId="271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4" v="312"/>
          <ac:spMkLst>
            <pc:docMk/>
            <pc:sldMk cId="1524191745" sldId="271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4" v="313"/>
          <ac:spMkLst>
            <pc:docMk/>
            <pc:sldMk cId="1524191745" sldId="271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8" v="314" actId="790"/>
          <ac:spMkLst>
            <pc:docMk/>
            <pc:sldMk cId="1524191745" sldId="271"/>
            <ac:spMk id="16" creationId="{00000000-0000-0000-0000-000000000000}"/>
          </ac:spMkLst>
        </pc:spChg>
      </pc:sldChg>
      <pc:sldChg chg="addSp modSp mod">
        <pc:chgData name="Alan Wai Hou Lio" userId="4e2e7dda-a9a8-4e9f-8daf-fb8d3a66df36" providerId="ADAL" clId="{65674BCC-BC5D-4491-9E1A-E700DDE5ED59}" dt="2021-06-07T14:35:37.250" v="3634" actId="20577"/>
        <pc:sldMkLst>
          <pc:docMk/>
          <pc:sldMk cId="2094197980" sldId="272"/>
        </pc:sldMkLst>
        <pc:spChg chg="mod">
          <ac:chgData name="Alan Wai Hou Lio" userId="4e2e7dda-a9a8-4e9f-8daf-fb8d3a66df36" providerId="ADAL" clId="{65674BCC-BC5D-4491-9E1A-E700DDE5ED59}" dt="2021-06-02T09:48:53.520" v="315" actId="790"/>
          <ac:spMkLst>
            <pc:docMk/>
            <pc:sldMk cId="2094197980" sldId="272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7T14:35:37.250" v="3634" actId="20577"/>
          <ac:spMkLst>
            <pc:docMk/>
            <pc:sldMk cId="2094197980" sldId="272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9:28.892" v="2106" actId="1076"/>
          <ac:spMkLst>
            <pc:docMk/>
            <pc:sldMk cId="2094197980" sldId="272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27" v="318"/>
          <ac:spMkLst>
            <pc:docMk/>
            <pc:sldMk cId="2094197980" sldId="272"/>
            <ac:spMk id="10" creationId="{00000000-0000-0000-0000-000000000000}"/>
          </ac:spMkLst>
        </pc:spChg>
        <pc:spChg chg="add mod">
          <ac:chgData name="Alan Wai Hou Lio" userId="4e2e7dda-a9a8-4e9f-8daf-fb8d3a66df36" providerId="ADAL" clId="{65674BCC-BC5D-4491-9E1A-E700DDE5ED59}" dt="2021-06-02T14:10:25.942" v="2124" actId="14100"/>
          <ac:spMkLst>
            <pc:docMk/>
            <pc:sldMk cId="2094197980" sldId="272"/>
            <ac:spMk id="14" creationId="{F638C8EE-221C-43BD-90B8-3C1C2F9C287C}"/>
          </ac:spMkLst>
        </pc:spChg>
        <pc:spChg chg="add mod">
          <ac:chgData name="Alan Wai Hou Lio" userId="4e2e7dda-a9a8-4e9f-8daf-fb8d3a66df36" providerId="ADAL" clId="{65674BCC-BC5D-4491-9E1A-E700DDE5ED59}" dt="2021-06-02T14:10:38.605" v="2128" actId="1076"/>
          <ac:spMkLst>
            <pc:docMk/>
            <pc:sldMk cId="2094197980" sldId="272"/>
            <ac:spMk id="15" creationId="{C6007BC9-89F7-44F5-AF07-EB24AC4F32B3}"/>
          </ac:spMkLst>
        </pc:spChg>
        <pc:grpChg chg="mod">
          <ac:chgData name="Alan Wai Hou Lio" userId="4e2e7dda-a9a8-4e9f-8daf-fb8d3a66df36" providerId="ADAL" clId="{65674BCC-BC5D-4491-9E1A-E700DDE5ED59}" dt="2021-06-02T14:09:38.416" v="2109" actId="1076"/>
          <ac:grpSpMkLst>
            <pc:docMk/>
            <pc:sldMk cId="2094197980" sldId="272"/>
            <ac:grpSpMk id="11" creationId="{00000000-0000-0000-0000-000000000000}"/>
          </ac:grpSpMkLst>
        </pc:grpChg>
        <pc:picChg chg="add mod">
          <ac:chgData name="Alan Wai Hou Lio" userId="4e2e7dda-a9a8-4e9f-8daf-fb8d3a66df36" providerId="ADAL" clId="{65674BCC-BC5D-4491-9E1A-E700DDE5ED59}" dt="2021-06-02T14:10:28.920" v="2126" actId="1036"/>
          <ac:picMkLst>
            <pc:docMk/>
            <pc:sldMk cId="2094197980" sldId="272"/>
            <ac:picMk id="3" creationId="{F6A98CF7-0215-4377-B8EF-C1ED4FCC01F2}"/>
          </ac:picMkLst>
        </pc:picChg>
      </pc:sldChg>
      <pc:sldChg chg="addSp delSp modSp mod delAnim">
        <pc:chgData name="Alan Wai Hou Lio" userId="4e2e7dda-a9a8-4e9f-8daf-fb8d3a66df36" providerId="ADAL" clId="{65674BCC-BC5D-4491-9E1A-E700DDE5ED59}" dt="2021-06-02T14:08:18.023" v="2097" actId="1037"/>
        <pc:sldMkLst>
          <pc:docMk/>
          <pc:sldMk cId="1680437870" sldId="273"/>
        </pc:sldMkLst>
        <pc:spChg chg="mod">
          <ac:chgData name="Alan Wai Hou Lio" userId="4e2e7dda-a9a8-4e9f-8daf-fb8d3a66df36" providerId="ADAL" clId="{65674BCC-BC5D-4491-9E1A-E700DDE5ED59}" dt="2021-06-02T09:48:53.529" v="319" actId="790"/>
          <ac:spMkLst>
            <pc:docMk/>
            <pc:sldMk cId="1680437870" sldId="273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30" v="320"/>
          <ac:spMkLst>
            <pc:docMk/>
            <pc:sldMk cId="1680437870" sldId="273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7:32.329" v="2080" actId="20577"/>
          <ac:spMkLst>
            <pc:docMk/>
            <pc:sldMk cId="1680437870" sldId="273"/>
            <ac:spMk id="6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4:08:11.859" v="2090" actId="478"/>
          <ac:spMkLst>
            <pc:docMk/>
            <pc:sldMk cId="1680437870" sldId="273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8:18.023" v="2097" actId="1037"/>
          <ac:spMkLst>
            <pc:docMk/>
            <pc:sldMk cId="1680437870" sldId="273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35" v="324"/>
          <ac:spMkLst>
            <pc:docMk/>
            <pc:sldMk cId="1680437870" sldId="273"/>
            <ac:spMk id="11" creationId="{00000000-0000-0000-0000-000000000000}"/>
          </ac:spMkLst>
        </pc:spChg>
        <pc:picChg chg="add mod">
          <ac:chgData name="Alan Wai Hou Lio" userId="4e2e7dda-a9a8-4e9f-8daf-fb8d3a66df36" providerId="ADAL" clId="{65674BCC-BC5D-4491-9E1A-E700DDE5ED59}" dt="2021-06-02T14:08:14.536" v="2092" actId="14100"/>
          <ac:picMkLst>
            <pc:docMk/>
            <pc:sldMk cId="1680437870" sldId="273"/>
            <ac:picMk id="2" creationId="{87E6ABA6-95CC-4257-AA6D-E1D9FBE56232}"/>
          </ac:picMkLst>
        </pc:picChg>
        <pc:picChg chg="del">
          <ac:chgData name="Alan Wai Hou Lio" userId="4e2e7dda-a9a8-4e9f-8daf-fb8d3a66df36" providerId="ADAL" clId="{65674BCC-BC5D-4491-9E1A-E700DDE5ED59}" dt="2021-06-02T14:07:49.960" v="2082" actId="478"/>
          <ac:picMkLst>
            <pc:docMk/>
            <pc:sldMk cId="1680437870" sldId="273"/>
            <ac:picMk id="7" creationId="{00000000-0000-0000-0000-000000000000}"/>
          </ac:picMkLst>
        </pc:picChg>
        <pc:picChg chg="mod">
          <ac:chgData name="Alan Wai Hou Lio" userId="4e2e7dda-a9a8-4e9f-8daf-fb8d3a66df36" providerId="ADAL" clId="{65674BCC-BC5D-4491-9E1A-E700DDE5ED59}" dt="2021-06-02T14:08:16.241" v="2093" actId="1076"/>
          <ac:picMkLst>
            <pc:docMk/>
            <pc:sldMk cId="1680437870" sldId="273"/>
            <ac:picMk id="12" creationId="{00000000-0000-0000-0000-000000000000}"/>
          </ac:picMkLst>
        </pc:picChg>
      </pc:sldChg>
      <pc:sldChg chg="modSp mod">
        <pc:chgData name="Alan Wai Hou Lio" userId="4e2e7dda-a9a8-4e9f-8daf-fb8d3a66df36" providerId="ADAL" clId="{65674BCC-BC5D-4491-9E1A-E700DDE5ED59}" dt="2021-06-02T14:11:24.060" v="2132" actId="1076"/>
        <pc:sldMkLst>
          <pc:docMk/>
          <pc:sldMk cId="800289730" sldId="274"/>
        </pc:sldMkLst>
        <pc:spChg chg="mod">
          <ac:chgData name="Alan Wai Hou Lio" userId="4e2e7dda-a9a8-4e9f-8daf-fb8d3a66df36" providerId="ADAL" clId="{65674BCC-BC5D-4491-9E1A-E700DDE5ED59}" dt="2021-06-02T09:48:53.538" v="325" actId="790"/>
          <ac:spMkLst>
            <pc:docMk/>
            <pc:sldMk cId="800289730" sldId="274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41" v="326" actId="790"/>
          <ac:spMkLst>
            <pc:docMk/>
            <pc:sldMk cId="800289730" sldId="274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44" v="327" actId="790"/>
          <ac:spMkLst>
            <pc:docMk/>
            <pc:sldMk cId="800289730" sldId="274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45" v="328"/>
          <ac:spMkLst>
            <pc:docMk/>
            <pc:sldMk cId="800289730" sldId="274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8:32.529" v="2099" actId="20577"/>
          <ac:spMkLst>
            <pc:docMk/>
            <pc:sldMk cId="800289730" sldId="274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11:24.060" v="2132" actId="1076"/>
          <ac:spMkLst>
            <pc:docMk/>
            <pc:sldMk cId="800289730" sldId="274"/>
            <ac:spMk id="15" creationId="{00000000-0000-0000-0000-000000000000}"/>
          </ac:spMkLst>
        </pc:spChg>
      </pc:sldChg>
      <pc:sldChg chg="modSp mod">
        <pc:chgData name="Alan Wai Hou Lio" userId="4e2e7dda-a9a8-4e9f-8daf-fb8d3a66df36" providerId="ADAL" clId="{65674BCC-BC5D-4491-9E1A-E700DDE5ED59}" dt="2021-06-03T10:01:32.546" v="3532" actId="20577"/>
        <pc:sldMkLst>
          <pc:docMk/>
          <pc:sldMk cId="3717669386" sldId="275"/>
        </pc:sldMkLst>
        <pc:spChg chg="mod">
          <ac:chgData name="Alan Wai Hou Lio" userId="4e2e7dda-a9a8-4e9f-8daf-fb8d3a66df36" providerId="ADAL" clId="{65674BCC-BC5D-4491-9E1A-E700DDE5ED59}" dt="2021-06-02T09:48:53.394" v="254" actId="790"/>
          <ac:spMkLst>
            <pc:docMk/>
            <pc:sldMk cId="3717669386" sldId="275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3T10:01:32.546" v="3532" actId="20577"/>
          <ac:spMkLst>
            <pc:docMk/>
            <pc:sldMk cId="3717669386" sldId="275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96" v="256"/>
          <ac:spMkLst>
            <pc:docMk/>
            <pc:sldMk cId="3717669386" sldId="275"/>
            <ac:spMk id="6" creationId="{00000000-0000-0000-0000-000000000000}"/>
          </ac:spMkLst>
        </pc:spChg>
      </pc:sldChg>
      <pc:sldChg chg="new del">
        <pc:chgData name="Alan Wai Hou Lio" userId="4e2e7dda-a9a8-4e9f-8daf-fb8d3a66df36" providerId="ADAL" clId="{65674BCC-BC5D-4491-9E1A-E700DDE5ED59}" dt="2021-06-02T09:49:29.896" v="416" actId="680"/>
        <pc:sldMkLst>
          <pc:docMk/>
          <pc:sldMk cId="199950477" sldId="276"/>
        </pc:sldMkLst>
      </pc:sldChg>
      <pc:sldChg chg="addSp modSp add mod">
        <pc:chgData name="Alan Wai Hou Lio" userId="4e2e7dda-a9a8-4e9f-8daf-fb8d3a66df36" providerId="ADAL" clId="{65674BCC-BC5D-4491-9E1A-E700DDE5ED59}" dt="2021-06-02T09:54:19.897" v="725" actId="1038"/>
        <pc:sldMkLst>
          <pc:docMk/>
          <pc:sldMk cId="2675350158" sldId="276"/>
        </pc:sldMkLst>
        <pc:spChg chg="mod">
          <ac:chgData name="Alan Wai Hou Lio" userId="4e2e7dda-a9a8-4e9f-8daf-fb8d3a66df36" providerId="ADAL" clId="{65674BCC-BC5D-4491-9E1A-E700DDE5ED59}" dt="2021-06-02T09:54:19.897" v="725" actId="1038"/>
          <ac:spMkLst>
            <pc:docMk/>
            <pc:sldMk cId="2675350158" sldId="276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9:45.763" v="436" actId="20577"/>
          <ac:spMkLst>
            <pc:docMk/>
            <pc:sldMk cId="2675350158" sldId="276"/>
            <ac:spMk id="6" creationId="{00000000-0000-0000-0000-000000000000}"/>
          </ac:spMkLst>
        </pc:spChg>
        <pc:spChg chg="add mod">
          <ac:chgData name="Alan Wai Hou Lio" userId="4e2e7dda-a9a8-4e9f-8daf-fb8d3a66df36" providerId="ADAL" clId="{65674BCC-BC5D-4491-9E1A-E700DDE5ED59}" dt="2021-06-02T09:52:48.641" v="647" actId="20577"/>
          <ac:spMkLst>
            <pc:docMk/>
            <pc:sldMk cId="2675350158" sldId="276"/>
            <ac:spMk id="7" creationId="{7141C49B-A4E0-414C-9742-C3B1F557F849}"/>
          </ac:spMkLst>
        </pc:spChg>
        <pc:picChg chg="add mod">
          <ac:chgData name="Alan Wai Hou Lio" userId="4e2e7dda-a9a8-4e9f-8daf-fb8d3a66df36" providerId="ADAL" clId="{65674BCC-BC5D-4491-9E1A-E700DDE5ED59}" dt="2021-06-02T09:54:16.665" v="719" actId="1038"/>
          <ac:picMkLst>
            <pc:docMk/>
            <pc:sldMk cId="2675350158" sldId="276"/>
            <ac:picMk id="1026" creationId="{F46DD10F-FF45-4095-9329-441306C02489}"/>
          </ac:picMkLst>
        </pc:picChg>
        <pc:picChg chg="add mod">
          <ac:chgData name="Alan Wai Hou Lio" userId="4e2e7dda-a9a8-4e9f-8daf-fb8d3a66df36" providerId="ADAL" clId="{65674BCC-BC5D-4491-9E1A-E700DDE5ED59}" dt="2021-06-02T09:52:43.224" v="639" actId="1038"/>
          <ac:picMkLst>
            <pc:docMk/>
            <pc:sldMk cId="2675350158" sldId="276"/>
            <ac:picMk id="1028" creationId="{C1DCBF1B-DF27-46CE-8324-80491408CC7D}"/>
          </ac:picMkLst>
        </pc:picChg>
      </pc:sldChg>
      <pc:sldChg chg="addSp delSp modSp new mod">
        <pc:chgData name="Alan Wai Hou Lio" userId="4e2e7dda-a9a8-4e9f-8daf-fb8d3a66df36" providerId="ADAL" clId="{65674BCC-BC5D-4491-9E1A-E700DDE5ED59}" dt="2021-06-02T09:57:55.847" v="989" actId="2710"/>
        <pc:sldMkLst>
          <pc:docMk/>
          <pc:sldMk cId="452599941" sldId="277"/>
        </pc:sldMkLst>
        <pc:spChg chg="mod">
          <ac:chgData name="Alan Wai Hou Lio" userId="4e2e7dda-a9a8-4e9f-8daf-fb8d3a66df36" providerId="ADAL" clId="{65674BCC-BC5D-4491-9E1A-E700DDE5ED59}" dt="2021-06-02T09:57:04.675" v="861" actId="20577"/>
          <ac:spMkLst>
            <pc:docMk/>
            <pc:sldMk cId="452599941" sldId="277"/>
            <ac:spMk id="2" creationId="{10AB8C26-F316-40C0-A0F6-909BC74EA2C7}"/>
          </ac:spMkLst>
        </pc:spChg>
        <pc:spChg chg="del">
          <ac:chgData name="Alan Wai Hou Lio" userId="4e2e7dda-a9a8-4e9f-8daf-fb8d3a66df36" providerId="ADAL" clId="{65674BCC-BC5D-4491-9E1A-E700DDE5ED59}" dt="2021-06-02T09:55:18.947" v="726"/>
          <ac:spMkLst>
            <pc:docMk/>
            <pc:sldMk cId="452599941" sldId="277"/>
            <ac:spMk id="3" creationId="{A3A381D7-CF42-457A-892E-DBFAA362EB65}"/>
          </ac:spMkLst>
        </pc:spChg>
        <pc:spChg chg="add mod">
          <ac:chgData name="Alan Wai Hou Lio" userId="4e2e7dda-a9a8-4e9f-8daf-fb8d3a66df36" providerId="ADAL" clId="{65674BCC-BC5D-4491-9E1A-E700DDE5ED59}" dt="2021-06-02T09:55:18.947" v="726"/>
          <ac:spMkLst>
            <pc:docMk/>
            <pc:sldMk cId="452599941" sldId="277"/>
            <ac:spMk id="6" creationId="{30E5EFA1-03C3-4D10-8880-266ED5AF55E6}"/>
          </ac:spMkLst>
        </pc:spChg>
        <pc:spChg chg="add del mod">
          <ac:chgData name="Alan Wai Hou Lio" userId="4e2e7dda-a9a8-4e9f-8daf-fb8d3a66df36" providerId="ADAL" clId="{65674BCC-BC5D-4491-9E1A-E700DDE5ED59}" dt="2021-06-02T09:57:48.819" v="988" actId="478"/>
          <ac:spMkLst>
            <pc:docMk/>
            <pc:sldMk cId="452599941" sldId="277"/>
            <ac:spMk id="7" creationId="{5D655A7A-6520-4E0B-BB4D-A61005613535}"/>
          </ac:spMkLst>
        </pc:spChg>
        <pc:spChg chg="add mod">
          <ac:chgData name="Alan Wai Hou Lio" userId="4e2e7dda-a9a8-4e9f-8daf-fb8d3a66df36" providerId="ADAL" clId="{65674BCC-BC5D-4491-9E1A-E700DDE5ED59}" dt="2021-06-02T09:57:55.847" v="989" actId="2710"/>
          <ac:spMkLst>
            <pc:docMk/>
            <pc:sldMk cId="452599941" sldId="277"/>
            <ac:spMk id="9" creationId="{413577E8-7731-43DC-B91E-97A08C281193}"/>
          </ac:spMkLst>
        </pc:spChg>
        <pc:graphicFrameChg chg="add del mod modGraphic">
          <ac:chgData name="Alan Wai Hou Lio" userId="4e2e7dda-a9a8-4e9f-8daf-fb8d3a66df36" providerId="ADAL" clId="{65674BCC-BC5D-4491-9E1A-E700DDE5ED59}" dt="2021-06-02T09:56:59.085" v="848" actId="478"/>
          <ac:graphicFrameMkLst>
            <pc:docMk/>
            <pc:sldMk cId="452599941" sldId="277"/>
            <ac:graphicFrameMk id="5" creationId="{DD5C05C6-1BEA-41E1-AB66-B60CABA6ACA6}"/>
          </ac:graphicFrameMkLst>
        </pc:graphicFrameChg>
      </pc:sldChg>
      <pc:sldChg chg="new del">
        <pc:chgData name="Alan Wai Hou Lio" userId="4e2e7dda-a9a8-4e9f-8daf-fb8d3a66df36" providerId="ADAL" clId="{65674BCC-BC5D-4491-9E1A-E700DDE5ED59}" dt="2021-06-02T09:49:29.378" v="415" actId="680"/>
        <pc:sldMkLst>
          <pc:docMk/>
          <pc:sldMk cId="2572234594" sldId="277"/>
        </pc:sldMkLst>
      </pc:sldChg>
      <pc:sldChg chg="addSp delSp modSp new mod">
        <pc:chgData name="Alan Wai Hou Lio" userId="4e2e7dda-a9a8-4e9f-8daf-fb8d3a66df36" providerId="ADAL" clId="{65674BCC-BC5D-4491-9E1A-E700DDE5ED59}" dt="2021-06-07T13:38:15.813" v="3622" actId="20577"/>
        <pc:sldMkLst>
          <pc:docMk/>
          <pc:sldMk cId="2197605132" sldId="278"/>
        </pc:sldMkLst>
        <pc:spChg chg="mod">
          <ac:chgData name="Alan Wai Hou Lio" userId="4e2e7dda-a9a8-4e9f-8daf-fb8d3a66df36" providerId="ADAL" clId="{65674BCC-BC5D-4491-9E1A-E700DDE5ED59}" dt="2021-06-02T09:53:39.499" v="704" actId="20577"/>
          <ac:spMkLst>
            <pc:docMk/>
            <pc:sldMk cId="2197605132" sldId="278"/>
            <ac:spMk id="2" creationId="{78C7E785-4DB0-4183-8BCD-B6D55BFAABAF}"/>
          </ac:spMkLst>
        </pc:spChg>
        <pc:spChg chg="del mod">
          <ac:chgData name="Alan Wai Hou Lio" userId="4e2e7dda-a9a8-4e9f-8daf-fb8d3a66df36" providerId="ADAL" clId="{65674BCC-BC5D-4491-9E1A-E700DDE5ED59}" dt="2021-06-02T10:07:08.625" v="1092" actId="478"/>
          <ac:spMkLst>
            <pc:docMk/>
            <pc:sldMk cId="2197605132" sldId="278"/>
            <ac:spMk id="3" creationId="{AC731EA0-64CC-4C95-AA87-13D304061F9F}"/>
          </ac:spMkLst>
        </pc:spChg>
        <pc:spChg chg="add mod">
          <ac:chgData name="Alan Wai Hou Lio" userId="4e2e7dda-a9a8-4e9f-8daf-fb8d3a66df36" providerId="ADAL" clId="{65674BCC-BC5D-4491-9E1A-E700DDE5ED59}" dt="2021-06-07T13:37:16.003" v="3576" actId="20577"/>
          <ac:spMkLst>
            <pc:docMk/>
            <pc:sldMk cId="2197605132" sldId="278"/>
            <ac:spMk id="8" creationId="{50085E16-1DE0-4663-8CDE-83671481A7FD}"/>
          </ac:spMkLst>
        </pc:spChg>
        <pc:spChg chg="add del mod">
          <ac:chgData name="Alan Wai Hou Lio" userId="4e2e7dda-a9a8-4e9f-8daf-fb8d3a66df36" providerId="ADAL" clId="{65674BCC-BC5D-4491-9E1A-E700DDE5ED59}" dt="2021-06-02T10:06:00.170" v="1033" actId="478"/>
          <ac:spMkLst>
            <pc:docMk/>
            <pc:sldMk cId="2197605132" sldId="278"/>
            <ac:spMk id="9" creationId="{0F5DFC21-D6C2-42F5-8FCF-16E8A03BEC43}"/>
          </ac:spMkLst>
        </pc:spChg>
        <pc:spChg chg="add mod">
          <ac:chgData name="Alan Wai Hou Lio" userId="4e2e7dda-a9a8-4e9f-8daf-fb8d3a66df36" providerId="ADAL" clId="{65674BCC-BC5D-4491-9E1A-E700DDE5ED59}" dt="2021-06-07T13:38:15.813" v="3622" actId="20577"/>
          <ac:spMkLst>
            <pc:docMk/>
            <pc:sldMk cId="2197605132" sldId="278"/>
            <ac:spMk id="10" creationId="{7062CD4D-920E-45DB-89CB-D2900394BD19}"/>
          </ac:spMkLst>
        </pc:spChg>
        <pc:spChg chg="add del mod">
          <ac:chgData name="Alan Wai Hou Lio" userId="4e2e7dda-a9a8-4e9f-8daf-fb8d3a66df36" providerId="ADAL" clId="{65674BCC-BC5D-4491-9E1A-E700DDE5ED59}" dt="2021-06-02T10:08:09.772" v="1120" actId="478"/>
          <ac:spMkLst>
            <pc:docMk/>
            <pc:sldMk cId="2197605132" sldId="278"/>
            <ac:spMk id="11" creationId="{E0518221-3B9C-4238-8227-5ED2AA3AFEEC}"/>
          </ac:spMkLst>
        </pc:spChg>
        <pc:spChg chg="add del mod">
          <ac:chgData name="Alan Wai Hou Lio" userId="4e2e7dda-a9a8-4e9f-8daf-fb8d3a66df36" providerId="ADAL" clId="{65674BCC-BC5D-4491-9E1A-E700DDE5ED59}" dt="2021-06-02T10:07:45.189" v="1106" actId="478"/>
          <ac:spMkLst>
            <pc:docMk/>
            <pc:sldMk cId="2197605132" sldId="278"/>
            <ac:spMk id="12" creationId="{F548496B-B313-4FFA-A7E0-2475521B6B4F}"/>
          </ac:spMkLst>
        </pc:spChg>
        <pc:spChg chg="add mod">
          <ac:chgData name="Alan Wai Hou Lio" userId="4e2e7dda-a9a8-4e9f-8daf-fb8d3a66df36" providerId="ADAL" clId="{65674BCC-BC5D-4491-9E1A-E700DDE5ED59}" dt="2021-06-02T10:07:58.321" v="1114" actId="1076"/>
          <ac:spMkLst>
            <pc:docMk/>
            <pc:sldMk cId="2197605132" sldId="278"/>
            <ac:spMk id="13" creationId="{0C1A5D81-E551-4011-AB34-582A4538380E}"/>
          </ac:spMkLst>
        </pc:spChg>
        <pc:spChg chg="add mod">
          <ac:chgData name="Alan Wai Hou Lio" userId="4e2e7dda-a9a8-4e9f-8daf-fb8d3a66df36" providerId="ADAL" clId="{65674BCC-BC5D-4491-9E1A-E700DDE5ED59}" dt="2021-06-02T10:08:13.475" v="1121" actId="1076"/>
          <ac:spMkLst>
            <pc:docMk/>
            <pc:sldMk cId="2197605132" sldId="278"/>
            <ac:spMk id="14" creationId="{83BDF8DF-893F-4178-9C3B-66B338F6FD12}"/>
          </ac:spMkLst>
        </pc:spChg>
        <pc:graphicFrameChg chg="add del mod">
          <ac:chgData name="Alan Wai Hou Lio" userId="4e2e7dda-a9a8-4e9f-8daf-fb8d3a66df36" providerId="ADAL" clId="{65674BCC-BC5D-4491-9E1A-E700DDE5ED59}" dt="2021-06-02T10:01:09.932" v="994" actId="478"/>
          <ac:graphicFrameMkLst>
            <pc:docMk/>
            <pc:sldMk cId="2197605132" sldId="278"/>
            <ac:graphicFrameMk id="5" creationId="{7277637D-854B-410D-8AFC-3EDEBB4B1868}"/>
          </ac:graphicFrameMkLst>
        </pc:graphicFrameChg>
        <pc:graphicFrameChg chg="add del mod modGraphic">
          <ac:chgData name="Alan Wai Hou Lio" userId="4e2e7dda-a9a8-4e9f-8daf-fb8d3a66df36" providerId="ADAL" clId="{65674BCC-BC5D-4491-9E1A-E700DDE5ED59}" dt="2021-06-02T10:03:43.188" v="1008" actId="478"/>
          <ac:graphicFrameMkLst>
            <pc:docMk/>
            <pc:sldMk cId="2197605132" sldId="278"/>
            <ac:graphicFrameMk id="6" creationId="{F91B1DF8-E545-400A-9B04-D2D98C9C3CCF}"/>
          </ac:graphicFrameMkLst>
        </pc:graphicFrameChg>
        <pc:graphicFrameChg chg="add del mod">
          <ac:chgData name="Alan Wai Hou Lio" userId="4e2e7dda-a9a8-4e9f-8daf-fb8d3a66df36" providerId="ADAL" clId="{65674BCC-BC5D-4491-9E1A-E700DDE5ED59}" dt="2021-06-02T10:03:46.606" v="1009" actId="478"/>
          <ac:graphicFrameMkLst>
            <pc:docMk/>
            <pc:sldMk cId="2197605132" sldId="278"/>
            <ac:graphicFrameMk id="7" creationId="{3662665E-F854-4AF3-A215-789C89BC8A83}"/>
          </ac:graphicFrameMkLst>
        </pc:graphicFrameChg>
        <pc:cxnChg chg="add">
          <ac:chgData name="Alan Wai Hou Lio" userId="4e2e7dda-a9a8-4e9f-8daf-fb8d3a66df36" providerId="ADAL" clId="{65674BCC-BC5D-4491-9E1A-E700DDE5ED59}" dt="2021-06-02T10:08:35.068" v="1123" actId="11529"/>
          <ac:cxnSpMkLst>
            <pc:docMk/>
            <pc:sldMk cId="2197605132" sldId="278"/>
            <ac:cxnSpMk id="16" creationId="{EA29F947-DFBD-473C-986F-C485532402AA}"/>
          </ac:cxnSpMkLst>
        </pc:cxnChg>
      </pc:sldChg>
      <pc:sldChg chg="addSp delSp modSp new mod addAnim delAnim modAnim">
        <pc:chgData name="Alan Wai Hou Lio" userId="4e2e7dda-a9a8-4e9f-8daf-fb8d3a66df36" providerId="ADAL" clId="{65674BCC-BC5D-4491-9E1A-E700DDE5ED59}" dt="2021-06-07T14:34:22.617" v="3629" actId="1035"/>
        <pc:sldMkLst>
          <pc:docMk/>
          <pc:sldMk cId="2911143014" sldId="279"/>
        </pc:sldMkLst>
        <pc:spChg chg="mod">
          <ac:chgData name="Alan Wai Hou Lio" userId="4e2e7dda-a9a8-4e9f-8daf-fb8d3a66df36" providerId="ADAL" clId="{65674BCC-BC5D-4491-9E1A-E700DDE5ED59}" dt="2021-06-02T11:28:37.094" v="1165" actId="20577"/>
          <ac:spMkLst>
            <pc:docMk/>
            <pc:sldMk cId="2911143014" sldId="279"/>
            <ac:spMk id="2" creationId="{38554D18-4A53-4E3C-943C-948F73F43F9E}"/>
          </ac:spMkLst>
        </pc:spChg>
        <pc:spChg chg="add del mod">
          <ac:chgData name="Alan Wai Hou Lio" userId="4e2e7dda-a9a8-4e9f-8daf-fb8d3a66df36" providerId="ADAL" clId="{65674BCC-BC5D-4491-9E1A-E700DDE5ED59}" dt="2021-06-02T12:33:35.038" v="1943" actId="20577"/>
          <ac:spMkLst>
            <pc:docMk/>
            <pc:sldMk cId="2911143014" sldId="279"/>
            <ac:spMk id="3" creationId="{8E6AF601-1535-4492-9EBF-D9CF96FFD74C}"/>
          </ac:spMkLst>
        </pc:spChg>
        <pc:spChg chg="add mod">
          <ac:chgData name="Alan Wai Hou Lio" userId="4e2e7dda-a9a8-4e9f-8daf-fb8d3a66df36" providerId="ADAL" clId="{65674BCC-BC5D-4491-9E1A-E700DDE5ED59}" dt="2021-06-02T12:33:10.784" v="1938" actId="164"/>
          <ac:spMkLst>
            <pc:docMk/>
            <pc:sldMk cId="2911143014" sldId="279"/>
            <ac:spMk id="7" creationId="{93341E85-CB11-457B-81E9-B1EFE9D37E4E}"/>
          </ac:spMkLst>
        </pc:spChg>
        <pc:spChg chg="add mod">
          <ac:chgData name="Alan Wai Hou Lio" userId="4e2e7dda-a9a8-4e9f-8daf-fb8d3a66df36" providerId="ADAL" clId="{65674BCC-BC5D-4491-9E1A-E700DDE5ED59}" dt="2021-06-02T12:33:10.784" v="1938" actId="164"/>
          <ac:spMkLst>
            <pc:docMk/>
            <pc:sldMk cId="2911143014" sldId="279"/>
            <ac:spMk id="8" creationId="{11E90A7A-65D2-47A6-9D25-F190CE759700}"/>
          </ac:spMkLst>
        </pc:spChg>
        <pc:spChg chg="mod">
          <ac:chgData name="Alan Wai Hou Lio" userId="4e2e7dda-a9a8-4e9f-8daf-fb8d3a66df36" providerId="ADAL" clId="{65674BCC-BC5D-4491-9E1A-E700DDE5ED59}" dt="2021-06-02T11:34:12.724" v="1392"/>
          <ac:spMkLst>
            <pc:docMk/>
            <pc:sldMk cId="2911143014" sldId="279"/>
            <ac:spMk id="11" creationId="{4529DCE6-1463-4A49-ADFF-3448BE67F985}"/>
          </ac:spMkLst>
        </pc:spChg>
        <pc:spChg chg="add mod">
          <ac:chgData name="Alan Wai Hou Lio" userId="4e2e7dda-a9a8-4e9f-8daf-fb8d3a66df36" providerId="ADAL" clId="{65674BCC-BC5D-4491-9E1A-E700DDE5ED59}" dt="2021-06-02T12:33:14.634" v="1939" actId="1076"/>
          <ac:spMkLst>
            <pc:docMk/>
            <pc:sldMk cId="2911143014" sldId="279"/>
            <ac:spMk id="12" creationId="{9F6C18D2-93DD-451B-B442-20D56C76BCBE}"/>
          </ac:spMkLst>
        </pc:spChg>
        <pc:spChg chg="add mod ord">
          <ac:chgData name="Alan Wai Hou Lio" userId="4e2e7dda-a9a8-4e9f-8daf-fb8d3a66df36" providerId="ADAL" clId="{65674BCC-BC5D-4491-9E1A-E700DDE5ED59}" dt="2021-06-02T12:33:44.206" v="1947" actId="1036"/>
          <ac:spMkLst>
            <pc:docMk/>
            <pc:sldMk cId="2911143014" sldId="279"/>
            <ac:spMk id="14" creationId="{EC92FEBD-AD71-42EE-84CF-D27B91D79E6A}"/>
          </ac:spMkLst>
        </pc:spChg>
        <pc:spChg chg="add del mod">
          <ac:chgData name="Alan Wai Hou Lio" userId="4e2e7dda-a9a8-4e9f-8daf-fb8d3a66df36" providerId="ADAL" clId="{65674BCC-BC5D-4491-9E1A-E700DDE5ED59}" dt="2021-06-02T12:31:08.208" v="1864" actId="478"/>
          <ac:spMkLst>
            <pc:docMk/>
            <pc:sldMk cId="2911143014" sldId="279"/>
            <ac:spMk id="15" creationId="{70CE825F-4E3A-4E0C-9E2F-68D1D7F0EA66}"/>
          </ac:spMkLst>
        </pc:spChg>
        <pc:grpChg chg="add mod">
          <ac:chgData name="Alan Wai Hou Lio" userId="4e2e7dda-a9a8-4e9f-8daf-fb8d3a66df36" providerId="ADAL" clId="{65674BCC-BC5D-4491-9E1A-E700DDE5ED59}" dt="2021-06-02T11:39:30.615" v="1567" actId="1076"/>
          <ac:grpSpMkLst>
            <pc:docMk/>
            <pc:sldMk cId="2911143014" sldId="279"/>
            <ac:grpSpMk id="9" creationId="{52FD63A1-C9B5-461F-BC78-85AFDE9E78D8}"/>
          </ac:grpSpMkLst>
        </pc:grpChg>
        <pc:grpChg chg="add mod">
          <ac:chgData name="Alan Wai Hou Lio" userId="4e2e7dda-a9a8-4e9f-8daf-fb8d3a66df36" providerId="ADAL" clId="{65674BCC-BC5D-4491-9E1A-E700DDE5ED59}" dt="2021-06-07T14:34:22.617" v="3629" actId="1035"/>
          <ac:grpSpMkLst>
            <pc:docMk/>
            <pc:sldMk cId="2911143014" sldId="279"/>
            <ac:grpSpMk id="16" creationId="{BF253B96-1A7E-4923-A491-FC7FCB0C38F3}"/>
          </ac:grpSpMkLst>
        </pc:grpChg>
        <pc:picChg chg="add mod">
          <ac:chgData name="Alan Wai Hou Lio" userId="4e2e7dda-a9a8-4e9f-8daf-fb8d3a66df36" providerId="ADAL" clId="{65674BCC-BC5D-4491-9E1A-E700DDE5ED59}" dt="2021-06-02T12:33:10.784" v="1938" actId="164"/>
          <ac:picMkLst>
            <pc:docMk/>
            <pc:sldMk cId="2911143014" sldId="279"/>
            <ac:picMk id="6" creationId="{07C08906-0CA5-4F88-989E-37AF45F0FE64}"/>
          </ac:picMkLst>
        </pc:picChg>
        <pc:picChg chg="mod">
          <ac:chgData name="Alan Wai Hou Lio" userId="4e2e7dda-a9a8-4e9f-8daf-fb8d3a66df36" providerId="ADAL" clId="{65674BCC-BC5D-4491-9E1A-E700DDE5ED59}" dt="2021-06-02T11:34:12.724" v="1392"/>
          <ac:picMkLst>
            <pc:docMk/>
            <pc:sldMk cId="2911143014" sldId="279"/>
            <ac:picMk id="10" creationId="{7B39E09F-1E36-4FD3-8ED9-8EFA1DCACA7C}"/>
          </ac:picMkLst>
        </pc:picChg>
        <pc:picChg chg="add del mod">
          <ac:chgData name="Alan Wai Hou Lio" userId="4e2e7dda-a9a8-4e9f-8daf-fb8d3a66df36" providerId="ADAL" clId="{65674BCC-BC5D-4491-9E1A-E700DDE5ED59}" dt="2021-06-02T12:27:52.206" v="1838" actId="478"/>
          <ac:picMkLst>
            <pc:docMk/>
            <pc:sldMk cId="2911143014" sldId="279"/>
            <ac:picMk id="13" creationId="{6B3E59AC-47F4-41C5-A38B-46B336E10FA7}"/>
          </ac:picMkLst>
        </pc:picChg>
      </pc:sldChg>
      <pc:sldChg chg="new del">
        <pc:chgData name="Alan Wai Hou Lio" userId="4e2e7dda-a9a8-4e9f-8daf-fb8d3a66df36" providerId="ADAL" clId="{65674BCC-BC5D-4491-9E1A-E700DDE5ED59}" dt="2021-06-02T10:06:56.138" v="1089" actId="47"/>
        <pc:sldMkLst>
          <pc:docMk/>
          <pc:sldMk cId="3554440595" sldId="279"/>
        </pc:sldMkLst>
      </pc:sldChg>
      <pc:sldChg chg="addSp delSp modSp new mod">
        <pc:chgData name="Alan Wai Hou Lio" userId="4e2e7dda-a9a8-4e9f-8daf-fb8d3a66df36" providerId="ADAL" clId="{65674BCC-BC5D-4491-9E1A-E700DDE5ED59}" dt="2021-06-02T11:48:54.011" v="1832" actId="1076"/>
        <pc:sldMkLst>
          <pc:docMk/>
          <pc:sldMk cId="3313816944" sldId="280"/>
        </pc:sldMkLst>
        <pc:spChg chg="mod">
          <ac:chgData name="Alan Wai Hou Lio" userId="4e2e7dda-a9a8-4e9f-8daf-fb8d3a66df36" providerId="ADAL" clId="{65674BCC-BC5D-4491-9E1A-E700DDE5ED59}" dt="2021-06-02T11:38:35.213" v="1533" actId="20577"/>
          <ac:spMkLst>
            <pc:docMk/>
            <pc:sldMk cId="3313816944" sldId="280"/>
            <ac:spMk id="2" creationId="{4C2A4ECF-FA18-461C-9719-4DF645096BBF}"/>
          </ac:spMkLst>
        </pc:spChg>
        <pc:spChg chg="mod">
          <ac:chgData name="Alan Wai Hou Lio" userId="4e2e7dda-a9a8-4e9f-8daf-fb8d3a66df36" providerId="ADAL" clId="{65674BCC-BC5D-4491-9E1A-E700DDE5ED59}" dt="2021-06-02T11:42:45.969" v="1608" actId="20577"/>
          <ac:spMkLst>
            <pc:docMk/>
            <pc:sldMk cId="3313816944" sldId="280"/>
            <ac:spMk id="3" creationId="{367A1E2F-E3C6-48A6-AEC5-46FD72398564}"/>
          </ac:spMkLst>
        </pc:spChg>
        <pc:spChg chg="add mod">
          <ac:chgData name="Alan Wai Hou Lio" userId="4e2e7dda-a9a8-4e9f-8daf-fb8d3a66df36" providerId="ADAL" clId="{65674BCC-BC5D-4491-9E1A-E700DDE5ED59}" dt="2021-06-02T11:38:57.563" v="1547" actId="1076"/>
          <ac:spMkLst>
            <pc:docMk/>
            <pc:sldMk cId="3313816944" sldId="280"/>
            <ac:spMk id="6" creationId="{91A7DDF0-F456-4C80-966E-91F9072FA957}"/>
          </ac:spMkLst>
        </pc:spChg>
        <pc:spChg chg="mod">
          <ac:chgData name="Alan Wai Hou Lio" userId="4e2e7dda-a9a8-4e9f-8daf-fb8d3a66df36" providerId="ADAL" clId="{65674BCC-BC5D-4491-9E1A-E700DDE5ED59}" dt="2021-06-02T11:38:58.206" v="1548"/>
          <ac:spMkLst>
            <pc:docMk/>
            <pc:sldMk cId="3313816944" sldId="280"/>
            <ac:spMk id="9" creationId="{DC1BCDAB-63B0-42E3-B1F6-0808165265D3}"/>
          </ac:spMkLst>
        </pc:spChg>
        <pc:grpChg chg="add mod">
          <ac:chgData name="Alan Wai Hou Lio" userId="4e2e7dda-a9a8-4e9f-8daf-fb8d3a66df36" providerId="ADAL" clId="{65674BCC-BC5D-4491-9E1A-E700DDE5ED59}" dt="2021-06-02T11:39:00.024" v="1549" actId="1076"/>
          <ac:grpSpMkLst>
            <pc:docMk/>
            <pc:sldMk cId="3313816944" sldId="280"/>
            <ac:grpSpMk id="7" creationId="{EF9824BA-095D-4981-B4F9-C723F9A9BF4E}"/>
          </ac:grpSpMkLst>
        </pc:grpChg>
        <pc:picChg chg="add del mod">
          <ac:chgData name="Alan Wai Hou Lio" userId="4e2e7dda-a9a8-4e9f-8daf-fb8d3a66df36" providerId="ADAL" clId="{65674BCC-BC5D-4491-9E1A-E700DDE5ED59}" dt="2021-06-02T11:42:21.182" v="1602" actId="478"/>
          <ac:picMkLst>
            <pc:docMk/>
            <pc:sldMk cId="3313816944" sldId="280"/>
            <ac:picMk id="5" creationId="{F5AE25EE-F970-4BCB-9545-EA98E6FCD576}"/>
          </ac:picMkLst>
        </pc:picChg>
        <pc:picChg chg="mod">
          <ac:chgData name="Alan Wai Hou Lio" userId="4e2e7dda-a9a8-4e9f-8daf-fb8d3a66df36" providerId="ADAL" clId="{65674BCC-BC5D-4491-9E1A-E700DDE5ED59}" dt="2021-06-02T11:38:58.206" v="1548"/>
          <ac:picMkLst>
            <pc:docMk/>
            <pc:sldMk cId="3313816944" sldId="280"/>
            <ac:picMk id="8" creationId="{5CB44033-AC06-4F45-985D-7DFC9405620F}"/>
          </ac:picMkLst>
        </pc:picChg>
        <pc:picChg chg="add del mod">
          <ac:chgData name="Alan Wai Hou Lio" userId="4e2e7dda-a9a8-4e9f-8daf-fb8d3a66df36" providerId="ADAL" clId="{65674BCC-BC5D-4491-9E1A-E700DDE5ED59}" dt="2021-06-02T11:42:39.493" v="1605" actId="478"/>
          <ac:picMkLst>
            <pc:docMk/>
            <pc:sldMk cId="3313816944" sldId="280"/>
            <ac:picMk id="10" creationId="{A1D6BA7E-62C3-484E-BC1B-923EF7065964}"/>
          </ac:picMkLst>
        </pc:picChg>
        <pc:picChg chg="add del mod">
          <ac:chgData name="Alan Wai Hou Lio" userId="4e2e7dda-a9a8-4e9f-8daf-fb8d3a66df36" providerId="ADAL" clId="{65674BCC-BC5D-4491-9E1A-E700DDE5ED59}" dt="2021-06-02T11:43:21.021" v="1610" actId="478"/>
          <ac:picMkLst>
            <pc:docMk/>
            <pc:sldMk cId="3313816944" sldId="280"/>
            <ac:picMk id="11" creationId="{F0E2AC42-0BA7-4A26-B17C-1B0320330A0F}"/>
          </ac:picMkLst>
        </pc:picChg>
        <pc:picChg chg="add del mod">
          <ac:chgData name="Alan Wai Hou Lio" userId="4e2e7dda-a9a8-4e9f-8daf-fb8d3a66df36" providerId="ADAL" clId="{65674BCC-BC5D-4491-9E1A-E700DDE5ED59}" dt="2021-06-02T11:48:44.877" v="1828" actId="478"/>
          <ac:picMkLst>
            <pc:docMk/>
            <pc:sldMk cId="3313816944" sldId="280"/>
            <ac:picMk id="12" creationId="{ABCFE1A6-C0DA-4C14-8CE6-AA591FA34747}"/>
          </ac:picMkLst>
        </pc:picChg>
        <pc:picChg chg="add mod">
          <ac:chgData name="Alan Wai Hou Lio" userId="4e2e7dda-a9a8-4e9f-8daf-fb8d3a66df36" providerId="ADAL" clId="{65674BCC-BC5D-4491-9E1A-E700DDE5ED59}" dt="2021-06-02T11:48:54.011" v="1832" actId="1076"/>
          <ac:picMkLst>
            <pc:docMk/>
            <pc:sldMk cId="3313816944" sldId="280"/>
            <ac:picMk id="13" creationId="{76E356D8-3A53-41A5-B106-2B27D849C4F1}"/>
          </ac:picMkLst>
        </pc:picChg>
      </pc:sldChg>
      <pc:sldChg chg="addSp modSp new mod modAnim">
        <pc:chgData name="Alan Wai Hou Lio" userId="4e2e7dda-a9a8-4e9f-8daf-fb8d3a66df36" providerId="ADAL" clId="{65674BCC-BC5D-4491-9E1A-E700DDE5ED59}" dt="2021-06-07T14:34:29.750" v="3631"/>
        <pc:sldMkLst>
          <pc:docMk/>
          <pc:sldMk cId="2363521502" sldId="281"/>
        </pc:sldMkLst>
        <pc:spChg chg="mod">
          <ac:chgData name="Alan Wai Hou Lio" userId="4e2e7dda-a9a8-4e9f-8daf-fb8d3a66df36" providerId="ADAL" clId="{65674BCC-BC5D-4491-9E1A-E700DDE5ED59}" dt="2021-06-02T11:41:06.277" v="1600" actId="20577"/>
          <ac:spMkLst>
            <pc:docMk/>
            <pc:sldMk cId="2363521502" sldId="281"/>
            <ac:spMk id="2" creationId="{1BF28C53-AF98-492E-B1B6-0D1120AA0064}"/>
          </ac:spMkLst>
        </pc:spChg>
        <pc:spChg chg="mod">
          <ac:chgData name="Alan Wai Hou Lio" userId="4e2e7dda-a9a8-4e9f-8daf-fb8d3a66df36" providerId="ADAL" clId="{65674BCC-BC5D-4491-9E1A-E700DDE5ED59}" dt="2021-06-02T11:44:17.423" v="1734" actId="2710"/>
          <ac:spMkLst>
            <pc:docMk/>
            <pc:sldMk cId="2363521502" sldId="281"/>
            <ac:spMk id="3" creationId="{A23598F7-267F-4F06-AE11-1BC1D32925EB}"/>
          </ac:spMkLst>
        </pc:spChg>
        <pc:spChg chg="add mod">
          <ac:chgData name="Alan Wai Hou Lio" userId="4e2e7dda-a9a8-4e9f-8daf-fb8d3a66df36" providerId="ADAL" clId="{65674BCC-BC5D-4491-9E1A-E700DDE5ED59}" dt="2021-06-02T11:44:45.619" v="1744" actId="1076"/>
          <ac:spMkLst>
            <pc:docMk/>
            <pc:sldMk cId="2363521502" sldId="281"/>
            <ac:spMk id="7" creationId="{F1DA4130-45C8-4F6C-AA00-B3CA34FF1627}"/>
          </ac:spMkLst>
        </pc:spChg>
        <pc:spChg chg="add mod">
          <ac:chgData name="Alan Wai Hou Lio" userId="4e2e7dda-a9a8-4e9f-8daf-fb8d3a66df36" providerId="ADAL" clId="{65674BCC-BC5D-4491-9E1A-E700DDE5ED59}" dt="2021-06-02T12:34:31.122" v="2005" actId="1076"/>
          <ac:spMkLst>
            <pc:docMk/>
            <pc:sldMk cId="2363521502" sldId="281"/>
            <ac:spMk id="10" creationId="{0724476D-B97A-4CD2-B416-A13878F6FA50}"/>
          </ac:spMkLst>
        </pc:spChg>
        <pc:spChg chg="add mod">
          <ac:chgData name="Alan Wai Hou Lio" userId="4e2e7dda-a9a8-4e9f-8daf-fb8d3a66df36" providerId="ADAL" clId="{65674BCC-BC5D-4491-9E1A-E700DDE5ED59}" dt="2021-06-02T12:34:35.088" v="2008" actId="1035"/>
          <ac:spMkLst>
            <pc:docMk/>
            <pc:sldMk cId="2363521502" sldId="281"/>
            <ac:spMk id="11" creationId="{FE82F10E-B3B4-47E0-868B-313FC038549B}"/>
          </ac:spMkLst>
        </pc:spChg>
        <pc:picChg chg="add mod">
          <ac:chgData name="Alan Wai Hou Lio" userId="4e2e7dda-a9a8-4e9f-8daf-fb8d3a66df36" providerId="ADAL" clId="{65674BCC-BC5D-4491-9E1A-E700DDE5ED59}" dt="2021-06-02T12:34:27.332" v="2004" actId="1076"/>
          <ac:picMkLst>
            <pc:docMk/>
            <pc:sldMk cId="2363521502" sldId="281"/>
            <ac:picMk id="5" creationId="{0E8D188C-8902-4D5B-BE3F-2B36DAFA013D}"/>
          </ac:picMkLst>
        </pc:picChg>
        <pc:picChg chg="add mod">
          <ac:chgData name="Alan Wai Hou Lio" userId="4e2e7dda-a9a8-4e9f-8daf-fb8d3a66df36" providerId="ADAL" clId="{65674BCC-BC5D-4491-9E1A-E700DDE5ED59}" dt="2021-06-02T11:44:42.842" v="1743" actId="1076"/>
          <ac:picMkLst>
            <pc:docMk/>
            <pc:sldMk cId="2363521502" sldId="281"/>
            <ac:picMk id="6" creationId="{762F71C2-847B-4292-8582-FA540F99F789}"/>
          </ac:picMkLst>
        </pc:picChg>
        <pc:cxnChg chg="add mod">
          <ac:chgData name="Alan Wai Hou Lio" userId="4e2e7dda-a9a8-4e9f-8daf-fb8d3a66df36" providerId="ADAL" clId="{65674BCC-BC5D-4491-9E1A-E700DDE5ED59}" dt="2021-06-02T12:34:33.362" v="2006" actId="14100"/>
          <ac:cxnSpMkLst>
            <pc:docMk/>
            <pc:sldMk cId="2363521502" sldId="281"/>
            <ac:cxnSpMk id="9" creationId="{DE1FF2F9-BFA1-49D4-9012-C00EB391539A}"/>
          </ac:cxnSpMkLst>
        </pc:cxnChg>
      </pc:sldChg>
      <pc:sldChg chg="modSp new mod modAnim">
        <pc:chgData name="Alan Wai Hou Lio" userId="4e2e7dda-a9a8-4e9f-8daf-fb8d3a66df36" providerId="ADAL" clId="{65674BCC-BC5D-4491-9E1A-E700DDE5ED59}" dt="2021-06-07T14:36:26.928" v="3640"/>
        <pc:sldMkLst>
          <pc:docMk/>
          <pc:sldMk cId="1028795465" sldId="282"/>
        </pc:sldMkLst>
        <pc:spChg chg="mod">
          <ac:chgData name="Alan Wai Hou Lio" userId="4e2e7dda-a9a8-4e9f-8daf-fb8d3a66df36" providerId="ADAL" clId="{65674BCC-BC5D-4491-9E1A-E700DDE5ED59}" dt="2021-06-02T14:37:11.153" v="2163" actId="20577"/>
          <ac:spMkLst>
            <pc:docMk/>
            <pc:sldMk cId="1028795465" sldId="282"/>
            <ac:spMk id="2" creationId="{D5CA3474-E38B-413C-862E-304FB80EAACC}"/>
          </ac:spMkLst>
        </pc:spChg>
        <pc:spChg chg="mod">
          <ac:chgData name="Alan Wai Hou Lio" userId="4e2e7dda-a9a8-4e9f-8daf-fb8d3a66df36" providerId="ADAL" clId="{65674BCC-BC5D-4491-9E1A-E700DDE5ED59}" dt="2021-06-02T14:42:44.360" v="2938" actId="2710"/>
          <ac:spMkLst>
            <pc:docMk/>
            <pc:sldMk cId="1028795465" sldId="282"/>
            <ac:spMk id="3" creationId="{CE9F0605-58DB-4C2E-AAF4-A8FB56313F17}"/>
          </ac:spMkLst>
        </pc:spChg>
      </pc:sldChg>
      <pc:sldChg chg="addSp delSp modSp new mod modAnim">
        <pc:chgData name="Alan Wai Hou Lio" userId="4e2e7dda-a9a8-4e9f-8daf-fb8d3a66df36" providerId="ADAL" clId="{65674BCC-BC5D-4491-9E1A-E700DDE5ED59}" dt="2021-06-07T14:36:01.842" v="3636"/>
        <pc:sldMkLst>
          <pc:docMk/>
          <pc:sldMk cId="1671521121" sldId="283"/>
        </pc:sldMkLst>
        <pc:spChg chg="mod">
          <ac:chgData name="Alan Wai Hou Lio" userId="4e2e7dda-a9a8-4e9f-8daf-fb8d3a66df36" providerId="ADAL" clId="{65674BCC-BC5D-4491-9E1A-E700DDE5ED59}" dt="2021-06-02T14:41:49.810" v="2768" actId="20577"/>
          <ac:spMkLst>
            <pc:docMk/>
            <pc:sldMk cId="1671521121" sldId="283"/>
            <ac:spMk id="2" creationId="{A8D8DC8D-AF0C-4833-8DCD-8EC45C48600C}"/>
          </ac:spMkLst>
        </pc:spChg>
        <pc:spChg chg="mod">
          <ac:chgData name="Alan Wai Hou Lio" userId="4e2e7dda-a9a8-4e9f-8daf-fb8d3a66df36" providerId="ADAL" clId="{65674BCC-BC5D-4491-9E1A-E700DDE5ED59}" dt="2021-06-02T15:02:07.285" v="3155" actId="20577"/>
          <ac:spMkLst>
            <pc:docMk/>
            <pc:sldMk cId="1671521121" sldId="283"/>
            <ac:spMk id="3" creationId="{F3BF703E-5BB7-47DC-8FCD-49FB88B45040}"/>
          </ac:spMkLst>
        </pc:spChg>
        <pc:spChg chg="add mod">
          <ac:chgData name="Alan Wai Hou Lio" userId="4e2e7dda-a9a8-4e9f-8daf-fb8d3a66df36" providerId="ADAL" clId="{65674BCC-BC5D-4491-9E1A-E700DDE5ED59}" dt="2021-06-02T14:44:41" v="3008" actId="1076"/>
          <ac:spMkLst>
            <pc:docMk/>
            <pc:sldMk cId="1671521121" sldId="283"/>
            <ac:spMk id="5" creationId="{FA7A1981-4CEE-47E8-B2EA-1C26B855F728}"/>
          </ac:spMkLst>
        </pc:spChg>
        <pc:spChg chg="add mod">
          <ac:chgData name="Alan Wai Hou Lio" userId="4e2e7dda-a9a8-4e9f-8daf-fb8d3a66df36" providerId="ADAL" clId="{65674BCC-BC5D-4491-9E1A-E700DDE5ED59}" dt="2021-06-02T15:03:45.881" v="3241" actId="1076"/>
          <ac:spMkLst>
            <pc:docMk/>
            <pc:sldMk cId="1671521121" sldId="283"/>
            <ac:spMk id="7" creationId="{4AFD99A1-8E1A-42DE-BC0D-0AD7B5FB3697}"/>
          </ac:spMkLst>
        </pc:spChg>
        <pc:picChg chg="add del mod modCrop">
          <ac:chgData name="Alan Wai Hou Lio" userId="4e2e7dda-a9a8-4e9f-8daf-fb8d3a66df36" providerId="ADAL" clId="{65674BCC-BC5D-4491-9E1A-E700DDE5ED59}" dt="2021-06-02T15:03:33.196" v="3236" actId="478"/>
          <ac:picMkLst>
            <pc:docMk/>
            <pc:sldMk cId="1671521121" sldId="283"/>
            <ac:picMk id="6" creationId="{39658A5C-6963-4F5F-AC10-758D46BF7E37}"/>
          </ac:picMkLst>
        </pc:picChg>
        <pc:picChg chg="add mod">
          <ac:chgData name="Alan Wai Hou Lio" userId="4e2e7dda-a9a8-4e9f-8daf-fb8d3a66df36" providerId="ADAL" clId="{65674BCC-BC5D-4491-9E1A-E700DDE5ED59}" dt="2021-06-02T15:03:43.471" v="3240" actId="1076"/>
          <ac:picMkLst>
            <pc:docMk/>
            <pc:sldMk cId="1671521121" sldId="283"/>
            <ac:picMk id="8" creationId="{4D8A95FF-A054-459A-B611-5269A3F1B8AB}"/>
          </ac:picMkLst>
        </pc:picChg>
      </pc:sldChg>
      <pc:sldChg chg="modSp new del mod">
        <pc:chgData name="Alan Wai Hou Lio" userId="4e2e7dda-a9a8-4e9f-8daf-fb8d3a66df36" providerId="ADAL" clId="{65674BCC-BC5D-4491-9E1A-E700DDE5ED59}" dt="2021-06-02T15:04:23.439" v="3272" actId="47"/>
        <pc:sldMkLst>
          <pc:docMk/>
          <pc:sldMk cId="1529768245" sldId="284"/>
        </pc:sldMkLst>
        <pc:spChg chg="mod">
          <ac:chgData name="Alan Wai Hou Lio" userId="4e2e7dda-a9a8-4e9f-8daf-fb8d3a66df36" providerId="ADAL" clId="{65674BCC-BC5D-4491-9E1A-E700DDE5ED59}" dt="2021-06-02T15:04:18.692" v="3271" actId="20577"/>
          <ac:spMkLst>
            <pc:docMk/>
            <pc:sldMk cId="1529768245" sldId="284"/>
            <ac:spMk id="2" creationId="{38CB2252-C157-4730-8780-D348DA316243}"/>
          </ac:spMkLst>
        </pc:spChg>
      </pc:sldChg>
      <pc:sldChg chg="modSp new del mod">
        <pc:chgData name="Alan Wai Hou Lio" userId="4e2e7dda-a9a8-4e9f-8daf-fb8d3a66df36" providerId="ADAL" clId="{65674BCC-BC5D-4491-9E1A-E700DDE5ED59}" dt="2021-06-07T14:36:07.665" v="3637" actId="47"/>
        <pc:sldMkLst>
          <pc:docMk/>
          <pc:sldMk cId="3097914115" sldId="284"/>
        </pc:sldMkLst>
        <pc:spChg chg="mod">
          <ac:chgData name="Alan Wai Hou Lio" userId="4e2e7dda-a9a8-4e9f-8daf-fb8d3a66df36" providerId="ADAL" clId="{65674BCC-BC5D-4491-9E1A-E700DDE5ED59}" dt="2021-06-03T09:19:26.090" v="3319" actId="20577"/>
          <ac:spMkLst>
            <pc:docMk/>
            <pc:sldMk cId="3097914115" sldId="284"/>
            <ac:spMk id="2" creationId="{AC5CF78A-1626-4987-B643-8A18FF745F90}"/>
          </ac:spMkLst>
        </pc:spChg>
        <pc:spChg chg="mod">
          <ac:chgData name="Alan Wai Hou Lio" userId="4e2e7dda-a9a8-4e9f-8daf-fb8d3a66df36" providerId="ADAL" clId="{65674BCC-BC5D-4491-9E1A-E700DDE5ED59}" dt="2021-06-03T09:22:26.906" v="3415" actId="20577"/>
          <ac:spMkLst>
            <pc:docMk/>
            <pc:sldMk cId="3097914115" sldId="284"/>
            <ac:spMk id="3" creationId="{BFF6306C-FF04-4B3E-B781-4933E2D78142}"/>
          </ac:spMkLst>
        </pc:spChg>
      </pc:sldChg>
      <pc:sldMasterChg chg="modSp mod modSldLayout">
        <pc:chgData name="Alan Wai Hou Lio" userId="4e2e7dda-a9a8-4e9f-8daf-fb8d3a66df36" providerId="ADAL" clId="{65674BCC-BC5D-4491-9E1A-E700DDE5ED59}" dt="2021-06-02T09:48:53.713" v="412" actId="790"/>
        <pc:sldMasterMkLst>
          <pc:docMk/>
          <pc:sldMasterMk cId="2454702602" sldId="2147483662"/>
        </pc:sldMasterMkLst>
        <pc:spChg chg="mod">
          <ac:chgData name="Alan Wai Hou Lio" userId="4e2e7dda-a9a8-4e9f-8daf-fb8d3a66df36" providerId="ADAL" clId="{65674BCC-BC5D-4491-9E1A-E700DDE5ED59}" dt="2021-06-02T09:48:53.589" v="353" actId="790"/>
          <ac:spMkLst>
            <pc:docMk/>
            <pc:sldMasterMk cId="2454702602" sldId="2147483662"/>
            <ac:spMk id="2" creationId="{35912424-89BF-4A93-9096-3282916C71FE}"/>
          </ac:spMkLst>
        </pc:spChg>
        <pc:spChg chg="mod">
          <ac:chgData name="Alan Wai Hou Lio" userId="4e2e7dda-a9a8-4e9f-8daf-fb8d3a66df36" providerId="ADAL" clId="{65674BCC-BC5D-4491-9E1A-E700DDE5ED59}" dt="2021-06-02T09:48:53.574" v="346" actId="790"/>
          <ac:spMkLst>
            <pc:docMk/>
            <pc:sldMasterMk cId="2454702602" sldId="2147483662"/>
            <ac:spMk id="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77" v="347" actId="790"/>
          <ac:spMkLst>
            <pc:docMk/>
            <pc:sldMasterMk cId="2454702602" sldId="2147483662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83" v="351" actId="790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Alan Wai Hou Lio" userId="4e2e7dda-a9a8-4e9f-8daf-fb8d3a66df36" providerId="ADAL" clId="{65674BCC-BC5D-4491-9E1A-E700DDE5ED59}" dt="2021-06-02T09:48:53.587" v="352" actId="790"/>
          <ac:spMkLst>
            <pc:docMk/>
            <pc:sldMasterMk cId="2454702602" sldId="2147483662"/>
            <ac:spMk id="7" creationId="{06B09BDB-1C7D-4F8A-8F1B-82D88054A428}"/>
          </ac:spMkLst>
        </pc:spChg>
        <pc:spChg chg="mod">
          <ac:chgData name="Alan Wai Hou Lio" userId="4e2e7dda-a9a8-4e9f-8daf-fb8d3a66df36" providerId="ADAL" clId="{65674BCC-BC5D-4491-9E1A-E700DDE5ED59}" dt="2021-06-02T09:48:53.571" v="345" actId="790"/>
          <ac:spMkLst>
            <pc:docMk/>
            <pc:sldMasterMk cId="2454702602" sldId="2147483662"/>
            <ac:spMk id="11" creationId="{FFFFD011-0D94-46EE-B45C-787FE82C3B5E}"/>
          </ac:spMkLst>
        </pc:spChg>
        <pc:spChg chg="mod">
          <ac:chgData name="Alan Wai Hou Lio" userId="4e2e7dda-a9a8-4e9f-8daf-fb8d3a66df36" providerId="ADAL" clId="{65674BCC-BC5D-4491-9E1A-E700DDE5ED59}" dt="2021-06-02T09:48:53.568" v="344"/>
          <ac:spMkLst>
            <pc:docMk/>
            <pc:sldMasterMk cId="2454702602" sldId="2147483662"/>
            <ac:spMk id="19" creationId="{ADC92552-7939-46C1-AAFE-B97F51EBFFE9}"/>
          </ac:spMkLst>
        </pc:spChg>
        <pc:spChg chg="mod">
          <ac:chgData name="Alan Wai Hou Lio" userId="4e2e7dda-a9a8-4e9f-8daf-fb8d3a66df36" providerId="ADAL" clId="{65674BCC-BC5D-4491-9E1A-E700DDE5ED59}" dt="2021-06-02T09:48:53.578" v="348"/>
          <ac:spMkLst>
            <pc:docMk/>
            <pc:sldMasterMk cId="2454702602" sldId="2147483662"/>
            <ac:spMk id="11366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79" v="349"/>
          <ac:spMkLst>
            <pc:docMk/>
            <pc:sldMasterMk cId="2454702602" sldId="2147483662"/>
            <ac:spMk id="11366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80" v="350"/>
          <ac:spMkLst>
            <pc:docMk/>
            <pc:sldMasterMk cId="2454702602" sldId="2147483662"/>
            <ac:spMk id="113676" creationId="{00000000-0000-0000-0000-000000000000}"/>
          </ac:spMkLst>
        </pc:spChg>
        <pc:sldLayoutChg chg="modSp mod">
          <pc:chgData name="Alan Wai Hou Lio" userId="4e2e7dda-a9a8-4e9f-8daf-fb8d3a66df36" providerId="ADAL" clId="{65674BCC-BC5D-4491-9E1A-E700DDE5ED59}" dt="2021-06-02T09:48:53.604" v="359" actId="790"/>
          <pc:sldLayoutMkLst>
            <pc:docMk/>
            <pc:sldMasterMk cId="2454702602" sldId="2147483662"/>
            <pc:sldLayoutMk cId="3227214542" sldId="2147483663"/>
          </pc:sldLayoutMkLst>
          <pc:spChg chg="mod">
            <ac:chgData name="Alan Wai Hou Lio" userId="4e2e7dda-a9a8-4e9f-8daf-fb8d3a66df36" providerId="ADAL" clId="{65674BCC-BC5D-4491-9E1A-E700DDE5ED59}" dt="2021-06-02T09:48:53.593" v="354" actId="790"/>
            <ac:spMkLst>
              <pc:docMk/>
              <pc:sldMasterMk cId="2454702602" sldId="2147483662"/>
              <pc:sldLayoutMk cId="3227214542" sldId="2147483663"/>
              <ac:spMk id="2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00" v="358" actId="790"/>
            <ac:spMkLst>
              <pc:docMk/>
              <pc:sldMasterMk cId="2454702602" sldId="2147483662"/>
              <pc:sldLayoutMk cId="3227214542" sldId="2147483663"/>
              <ac:spMk id="3" creationId="{F2117C6C-7BC3-4888-BC29-FAB17565D119}"/>
            </ac:spMkLst>
          </pc:spChg>
          <pc:spChg chg="mod">
            <ac:chgData name="Alan Wai Hou Lio" userId="4e2e7dda-a9a8-4e9f-8daf-fb8d3a66df36" providerId="ADAL" clId="{65674BCC-BC5D-4491-9E1A-E700DDE5ED59}" dt="2021-06-02T09:48:53.604" v="359" actId="790"/>
            <ac:spMkLst>
              <pc:docMk/>
              <pc:sldMasterMk cId="2454702602" sldId="2147483662"/>
              <pc:sldLayoutMk cId="3227214542" sldId="2147483663"/>
              <ac:spMk id="4" creationId="{E77E4668-D07F-4B96-9755-175402734855}"/>
            </ac:spMkLst>
          </pc:spChg>
          <pc:spChg chg="mod">
            <ac:chgData name="Alan Wai Hou Lio" userId="4e2e7dda-a9a8-4e9f-8daf-fb8d3a66df36" providerId="ADAL" clId="{65674BCC-BC5D-4491-9E1A-E700DDE5ED59}" dt="2021-06-02T09:48:53.596" v="355" actId="790"/>
            <ac:spMkLst>
              <pc:docMk/>
              <pc:sldMasterMk cId="2454702602" sldId="2147483662"/>
              <pc:sldLayoutMk cId="3227214542" sldId="2147483663"/>
              <ac:spMk id="11" creationId="{275A6477-FE3A-4D40-B1FE-E46C11E344A5}"/>
            </ac:spMkLst>
          </pc:spChg>
          <pc:spChg chg="mod">
            <ac:chgData name="Alan Wai Hou Lio" userId="4e2e7dda-a9a8-4e9f-8daf-fb8d3a66df36" providerId="ADAL" clId="{65674BCC-BC5D-4491-9E1A-E700DDE5ED59}" dt="2021-06-02T09:48:53.597" v="356"/>
            <ac:spMkLst>
              <pc:docMk/>
              <pc:sldMasterMk cId="2454702602" sldId="2147483662"/>
              <pc:sldLayoutMk cId="3227214542" sldId="2147483663"/>
              <ac:spMk id="114690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598" v="357"/>
            <ac:spMkLst>
              <pc:docMk/>
              <pc:sldMasterMk cId="2454702602" sldId="2147483662"/>
              <pc:sldLayoutMk cId="3227214542" sldId="2147483663"/>
              <ac:spMk id="114691" creationId="{00000000-0000-0000-0000-000000000000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22" v="367" actId="790"/>
          <pc:sldLayoutMkLst>
            <pc:docMk/>
            <pc:sldMasterMk cId="2454702602" sldId="2147483662"/>
            <pc:sldLayoutMk cId="1187774059" sldId="2147483664"/>
          </pc:sldLayoutMkLst>
          <pc:spChg chg="mod">
            <ac:chgData name="Alan Wai Hou Lio" userId="4e2e7dda-a9a8-4e9f-8daf-fb8d3a66df36" providerId="ADAL" clId="{65674BCC-BC5D-4491-9E1A-E700DDE5ED59}" dt="2021-06-02T09:48:53.617" v="366" actId="790"/>
            <ac:spMkLst>
              <pc:docMk/>
              <pc:sldMasterMk cId="2454702602" sldId="2147483662"/>
              <pc:sldLayoutMk cId="1187774059" sldId="2147483664"/>
              <ac:spMk id="2" creationId="{1FCA8860-CDAD-4F91-9292-2B11655C191E}"/>
            </ac:spMkLst>
          </pc:spChg>
          <pc:spChg chg="mod">
            <ac:chgData name="Alan Wai Hou Lio" userId="4e2e7dda-a9a8-4e9f-8daf-fb8d3a66df36" providerId="ADAL" clId="{65674BCC-BC5D-4491-9E1A-E700DDE5ED59}" dt="2021-06-02T09:48:53.615" v="365"/>
            <ac:spMkLst>
              <pc:docMk/>
              <pc:sldMasterMk cId="2454702602" sldId="2147483662"/>
              <pc:sldLayoutMk cId="1187774059" sldId="2147483664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22" v="367" actId="790"/>
            <ac:spMkLst>
              <pc:docMk/>
              <pc:sldMasterMk cId="2454702602" sldId="2147483662"/>
              <pc:sldLayoutMk cId="1187774059" sldId="2147483664"/>
              <ac:spMk id="6" creationId="{88C7A21B-9B48-4777-BF0D-9FB95719C2E7}"/>
            </ac:spMkLst>
          </pc:spChg>
          <pc:spChg chg="mod">
            <ac:chgData name="Alan Wai Hou Lio" userId="4e2e7dda-a9a8-4e9f-8daf-fb8d3a66df36" providerId="ADAL" clId="{65674BCC-BC5D-4491-9E1A-E700DDE5ED59}" dt="2021-06-02T09:48:53.614" v="364"/>
            <ac:spMkLst>
              <pc:docMk/>
              <pc:sldMasterMk cId="2454702602" sldId="2147483662"/>
              <pc:sldLayoutMk cId="1187774059" sldId="2147483664"/>
              <ac:spMk id="7" creationId="{248A0E3C-0CE1-4BBF-A912-5A81BF3B7BCA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66" v="398" actId="790"/>
          <pc:sldLayoutMkLst>
            <pc:docMk/>
            <pc:sldMasterMk cId="2454702602" sldId="2147483662"/>
            <pc:sldLayoutMk cId="120845512" sldId="2147483666"/>
          </pc:sldLayoutMkLst>
          <pc:spChg chg="mod">
            <ac:chgData name="Alan Wai Hou Lio" userId="4e2e7dda-a9a8-4e9f-8daf-fb8d3a66df36" providerId="ADAL" clId="{65674BCC-BC5D-4491-9E1A-E700DDE5ED59}" dt="2021-06-02T09:48:53.663" v="397" actId="790"/>
            <ac:spMkLst>
              <pc:docMk/>
              <pc:sldMasterMk cId="2454702602" sldId="2147483662"/>
              <pc:sldLayoutMk cId="120845512" sldId="2147483666"/>
              <ac:spMk id="2" creationId="{51F74546-9D06-4CF7-806D-E04B043BF5A5}"/>
            </ac:spMkLst>
          </pc:spChg>
          <pc:spChg chg="mod">
            <ac:chgData name="Alan Wai Hou Lio" userId="4e2e7dda-a9a8-4e9f-8daf-fb8d3a66df36" providerId="ADAL" clId="{65674BCC-BC5D-4491-9E1A-E700DDE5ED59}" dt="2021-06-02T09:48:53.660" v="396"/>
            <ac:spMkLst>
              <pc:docMk/>
              <pc:sldMasterMk cId="2454702602" sldId="2147483662"/>
              <pc:sldLayoutMk cId="120845512" sldId="2147483666"/>
              <ac:spMk id="5" creationId="{8297DEAA-3B7B-49C7-8C28-3F21F36A93D7}"/>
            </ac:spMkLst>
          </pc:spChg>
          <pc:spChg chg="mod">
            <ac:chgData name="Alan Wai Hou Lio" userId="4e2e7dda-a9a8-4e9f-8daf-fb8d3a66df36" providerId="ADAL" clId="{65674BCC-BC5D-4491-9E1A-E700DDE5ED59}" dt="2021-06-02T09:48:53.666" v="398" actId="790"/>
            <ac:spMkLst>
              <pc:docMk/>
              <pc:sldMasterMk cId="2454702602" sldId="2147483662"/>
              <pc:sldLayoutMk cId="120845512" sldId="2147483666"/>
              <ac:spMk id="6" creationId="{42F53AB3-8AAF-469F-AD3F-AE5E1A39D7C8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72" v="400" actId="790"/>
          <pc:sldLayoutMkLst>
            <pc:docMk/>
            <pc:sldMasterMk cId="2454702602" sldId="2147483662"/>
            <pc:sldLayoutMk cId="2669264705" sldId="2147483667"/>
          </pc:sldLayoutMkLst>
          <pc:spChg chg="mod">
            <ac:chgData name="Alan Wai Hou Lio" userId="4e2e7dda-a9a8-4e9f-8daf-fb8d3a66df36" providerId="ADAL" clId="{65674BCC-BC5D-4491-9E1A-E700DDE5ED59}" dt="2021-06-02T09:48:53.669" v="399" actId="790"/>
            <ac:spMkLst>
              <pc:docMk/>
              <pc:sldMasterMk cId="2454702602" sldId="2147483662"/>
              <pc:sldLayoutMk cId="2669264705" sldId="2147483667"/>
              <ac:spMk id="4" creationId="{3AE75ABF-082F-4A38-B952-09157E37A81A}"/>
            </ac:spMkLst>
          </pc:spChg>
          <pc:spChg chg="mod">
            <ac:chgData name="Alan Wai Hou Lio" userId="4e2e7dda-a9a8-4e9f-8daf-fb8d3a66df36" providerId="ADAL" clId="{65674BCC-BC5D-4491-9E1A-E700DDE5ED59}" dt="2021-06-02T09:48:53.672" v="400" actId="790"/>
            <ac:spMkLst>
              <pc:docMk/>
              <pc:sldMasterMk cId="2454702602" sldId="2147483662"/>
              <pc:sldLayoutMk cId="2669264705" sldId="2147483667"/>
              <ac:spMk id="5" creationId="{D0A39F3A-7714-4FD6-9132-D60FFA220D98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87" v="405" actId="790"/>
          <pc:sldLayoutMkLst>
            <pc:docMk/>
            <pc:sldMasterMk cId="2454702602" sldId="2147483662"/>
            <pc:sldLayoutMk cId="2321786107" sldId="2147483668"/>
          </pc:sldLayoutMkLst>
          <pc:spChg chg="mod">
            <ac:chgData name="Alan Wai Hou Lio" userId="4e2e7dda-a9a8-4e9f-8daf-fb8d3a66df36" providerId="ADAL" clId="{65674BCC-BC5D-4491-9E1A-E700DDE5ED59}" dt="2021-06-02T09:48:53.675" v="402" actId="790"/>
            <ac:spMkLst>
              <pc:docMk/>
              <pc:sldMasterMk cId="2454702602" sldId="2147483662"/>
              <pc:sldLayoutMk cId="2321786107" sldId="2147483668"/>
              <ac:spMk id="4" creationId="{C9776080-6230-4AB8-AB28-4D6744DD01F9}"/>
            </ac:spMkLst>
          </pc:spChg>
          <pc:spChg chg="mod">
            <ac:chgData name="Alan Wai Hou Lio" userId="4e2e7dda-a9a8-4e9f-8daf-fb8d3a66df36" providerId="ADAL" clId="{65674BCC-BC5D-4491-9E1A-E700DDE5ED59}" dt="2021-06-02T09:48:53.679" v="403" actId="790"/>
            <ac:spMkLst>
              <pc:docMk/>
              <pc:sldMasterMk cId="2454702602" sldId="2147483662"/>
              <pc:sldLayoutMk cId="2321786107" sldId="2147483668"/>
              <ac:spMk id="5" creationId="{2B7FFAE6-D148-4A15-9DFC-7D71B82020C9}"/>
            </ac:spMkLst>
          </pc:spChg>
          <pc:spChg chg="mod">
            <ac:chgData name="Alan Wai Hou Lio" userId="4e2e7dda-a9a8-4e9f-8daf-fb8d3a66df36" providerId="ADAL" clId="{65674BCC-BC5D-4491-9E1A-E700DDE5ED59}" dt="2021-06-02T09:48:53.684" v="404" actId="790"/>
            <ac:spMkLst>
              <pc:docMk/>
              <pc:sldMasterMk cId="2454702602" sldId="2147483662"/>
              <pc:sldLayoutMk cId="2321786107" sldId="2147483668"/>
              <ac:spMk id="6" creationId="{3125B57E-AFC7-4517-B327-461DB01D2867}"/>
            </ac:spMkLst>
          </pc:spChg>
          <pc:spChg chg="mod">
            <ac:chgData name="Alan Wai Hou Lio" userId="4e2e7dda-a9a8-4e9f-8daf-fb8d3a66df36" providerId="ADAL" clId="{65674BCC-BC5D-4491-9E1A-E700DDE5ED59}" dt="2021-06-02T09:48:53.673" v="401"/>
            <ac:spMkLst>
              <pc:docMk/>
              <pc:sldMasterMk cId="2454702602" sldId="2147483662"/>
              <pc:sldLayoutMk cId="2321786107" sldId="2147483668"/>
              <ac:spMk id="9" creationId="{AF9D3C51-A276-4E1F-B6B6-FD6A4E17EE28}"/>
            </ac:spMkLst>
          </pc:spChg>
          <pc:spChg chg="mod">
            <ac:chgData name="Alan Wai Hou Lio" userId="4e2e7dda-a9a8-4e9f-8daf-fb8d3a66df36" providerId="ADAL" clId="{65674BCC-BC5D-4491-9E1A-E700DDE5ED59}" dt="2021-06-02T09:48:53.687" v="405" actId="790"/>
            <ac:spMkLst>
              <pc:docMk/>
              <pc:sldMasterMk cId="2454702602" sldId="2147483662"/>
              <pc:sldLayoutMk cId="2321786107" sldId="2147483668"/>
              <ac:spMk id="10" creationId="{B0EE486B-843B-49D6-90AE-5093AB56E30F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713" v="412" actId="790"/>
          <pc:sldLayoutMkLst>
            <pc:docMk/>
            <pc:sldMasterMk cId="2454702602" sldId="2147483662"/>
            <pc:sldLayoutMk cId="3496376187" sldId="2147483669"/>
          </pc:sldLayoutMkLst>
          <pc:spChg chg="mod">
            <ac:chgData name="Alan Wai Hou Lio" userId="4e2e7dda-a9a8-4e9f-8daf-fb8d3a66df36" providerId="ADAL" clId="{65674BCC-BC5D-4491-9E1A-E700DDE5ED59}" dt="2021-06-02T09:48:53.697" v="408" actId="790"/>
            <ac:spMkLst>
              <pc:docMk/>
              <pc:sldMasterMk cId="2454702602" sldId="2147483662"/>
              <pc:sldLayoutMk cId="3496376187" sldId="2147483669"/>
              <ac:spMk id="6" creationId="{AF062B26-8169-4B93-8FD8-CFDB0855A961}"/>
            </ac:spMkLst>
          </pc:spChg>
          <pc:spChg chg="mod">
            <ac:chgData name="Alan Wai Hou Lio" userId="4e2e7dda-a9a8-4e9f-8daf-fb8d3a66df36" providerId="ADAL" clId="{65674BCC-BC5D-4491-9E1A-E700DDE5ED59}" dt="2021-06-02T09:48:53.700" v="409" actId="790"/>
            <ac:spMkLst>
              <pc:docMk/>
              <pc:sldMasterMk cId="2454702602" sldId="2147483662"/>
              <pc:sldLayoutMk cId="3496376187" sldId="2147483669"/>
              <ac:spMk id="7" creationId="{CA59923C-6F09-424E-AF1E-AC62326A9B2B}"/>
            </ac:spMkLst>
          </pc:spChg>
          <pc:spChg chg="mod">
            <ac:chgData name="Alan Wai Hou Lio" userId="4e2e7dda-a9a8-4e9f-8daf-fb8d3a66df36" providerId="ADAL" clId="{65674BCC-BC5D-4491-9E1A-E700DDE5ED59}" dt="2021-06-02T09:48:53.705" v="410" actId="790"/>
            <ac:spMkLst>
              <pc:docMk/>
              <pc:sldMasterMk cId="2454702602" sldId="2147483662"/>
              <pc:sldLayoutMk cId="3496376187" sldId="2147483669"/>
              <ac:spMk id="9" creationId="{4C299FA2-BF46-4410-B2CD-E3C80B7A9893}"/>
            </ac:spMkLst>
          </pc:spChg>
          <pc:spChg chg="mod">
            <ac:chgData name="Alan Wai Hou Lio" userId="4e2e7dda-a9a8-4e9f-8daf-fb8d3a66df36" providerId="ADAL" clId="{65674BCC-BC5D-4491-9E1A-E700DDE5ED59}" dt="2021-06-02T09:48:53.690" v="406" actId="790"/>
            <ac:spMkLst>
              <pc:docMk/>
              <pc:sldMasterMk cId="2454702602" sldId="2147483662"/>
              <pc:sldLayoutMk cId="3496376187" sldId="2147483669"/>
              <ac:spMk id="10" creationId="{A3420087-96DF-432F-B192-585D42BF6A4E}"/>
            </ac:spMkLst>
          </pc:spChg>
          <pc:spChg chg="mod">
            <ac:chgData name="Alan Wai Hou Lio" userId="4e2e7dda-a9a8-4e9f-8daf-fb8d3a66df36" providerId="ADAL" clId="{65674BCC-BC5D-4491-9E1A-E700DDE5ED59}" dt="2021-06-02T09:48:53.709" v="411" actId="790"/>
            <ac:spMkLst>
              <pc:docMk/>
              <pc:sldMasterMk cId="2454702602" sldId="2147483662"/>
              <pc:sldLayoutMk cId="3496376187" sldId="2147483669"/>
              <ac:spMk id="11" creationId="{495865CE-5BE9-4122-8AB8-48E534DD88F7}"/>
            </ac:spMkLst>
          </pc:spChg>
          <pc:spChg chg="mod">
            <ac:chgData name="Alan Wai Hou Lio" userId="4e2e7dda-a9a8-4e9f-8daf-fb8d3a66df36" providerId="ADAL" clId="{65674BCC-BC5D-4491-9E1A-E700DDE5ED59}" dt="2021-06-02T09:48:53.713" v="412" actId="790"/>
            <ac:spMkLst>
              <pc:docMk/>
              <pc:sldMasterMk cId="2454702602" sldId="2147483662"/>
              <pc:sldLayoutMk cId="3496376187" sldId="2147483669"/>
              <ac:spMk id="12" creationId="{0D436479-94F3-475C-8F8D-D3CDC81793FD}"/>
            </ac:spMkLst>
          </pc:spChg>
          <pc:spChg chg="mod">
            <ac:chgData name="Alan Wai Hou Lio" userId="4e2e7dda-a9a8-4e9f-8daf-fb8d3a66df36" providerId="ADAL" clId="{65674BCC-BC5D-4491-9E1A-E700DDE5ED59}" dt="2021-06-02T09:48:53.694" v="407" actId="790"/>
            <ac:spMkLst>
              <pc:docMk/>
              <pc:sldMasterMk cId="2454702602" sldId="2147483662"/>
              <pc:sldLayoutMk cId="3496376187" sldId="2147483669"/>
              <ac:spMk id="13" creationId="{09BBEE10-6A59-474F-B766-7643F97F869F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12" v="363" actId="790"/>
          <pc:sldLayoutMkLst>
            <pc:docMk/>
            <pc:sldMasterMk cId="2454702602" sldId="2147483662"/>
            <pc:sldLayoutMk cId="1225919311" sldId="2147483671"/>
          </pc:sldLayoutMkLst>
          <pc:spChg chg="mod">
            <ac:chgData name="Alan Wai Hou Lio" userId="4e2e7dda-a9a8-4e9f-8daf-fb8d3a66df36" providerId="ADAL" clId="{65674BCC-BC5D-4491-9E1A-E700DDE5ED59}" dt="2021-06-02T09:48:53.608" v="362" actId="790"/>
            <ac:spMkLst>
              <pc:docMk/>
              <pc:sldMasterMk cId="2454702602" sldId="2147483662"/>
              <pc:sldLayoutMk cId="1225919311" sldId="2147483671"/>
              <ac:spMk id="3" creationId="{71346B4F-F02C-40EC-9B70-932B18214C6A}"/>
            </ac:spMkLst>
          </pc:spChg>
          <pc:spChg chg="mod">
            <ac:chgData name="Alan Wai Hou Lio" userId="4e2e7dda-a9a8-4e9f-8daf-fb8d3a66df36" providerId="ADAL" clId="{65674BCC-BC5D-4491-9E1A-E700DDE5ED59}" dt="2021-06-02T09:48:53.612" v="363" actId="790"/>
            <ac:spMkLst>
              <pc:docMk/>
              <pc:sldMasterMk cId="2454702602" sldId="2147483662"/>
              <pc:sldLayoutMk cId="1225919311" sldId="2147483671"/>
              <ac:spMk id="4" creationId="{FE67EB69-BB5A-407E-BF0A-1CB9B24506D8}"/>
            </ac:spMkLst>
          </pc:spChg>
          <pc:spChg chg="mod">
            <ac:chgData name="Alan Wai Hou Lio" userId="4e2e7dda-a9a8-4e9f-8daf-fb8d3a66df36" providerId="ADAL" clId="{65674BCC-BC5D-4491-9E1A-E700DDE5ED59}" dt="2021-06-02T09:48:53.605" v="360"/>
            <ac:spMkLst>
              <pc:docMk/>
              <pc:sldMasterMk cId="2454702602" sldId="2147483662"/>
              <pc:sldLayoutMk cId="1225919311" sldId="2147483671"/>
              <ac:spMk id="114690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05" v="361"/>
            <ac:spMkLst>
              <pc:docMk/>
              <pc:sldMasterMk cId="2454702602" sldId="2147483662"/>
              <pc:sldLayoutMk cId="1225919311" sldId="2147483671"/>
              <ac:spMk id="114691" creationId="{00000000-0000-0000-0000-000000000000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40" v="378" actId="790"/>
          <pc:sldLayoutMkLst>
            <pc:docMk/>
            <pc:sldMasterMk cId="2454702602" sldId="2147483662"/>
            <pc:sldLayoutMk cId="3922670733" sldId="2147483672"/>
          </pc:sldLayoutMkLst>
          <pc:spChg chg="mod">
            <ac:chgData name="Alan Wai Hou Lio" userId="4e2e7dda-a9a8-4e9f-8daf-fb8d3a66df36" providerId="ADAL" clId="{65674BCC-BC5D-4491-9E1A-E700DDE5ED59}" dt="2021-06-02T09:48:53.637" v="377" actId="790"/>
            <ac:spMkLst>
              <pc:docMk/>
              <pc:sldMasterMk cId="2454702602" sldId="2147483662"/>
              <pc:sldLayoutMk cId="3922670733" sldId="2147483672"/>
              <ac:spMk id="2" creationId="{D2986237-C7E2-4498-82A4-361A340A6504}"/>
            </ac:spMkLst>
          </pc:spChg>
          <pc:spChg chg="mod">
            <ac:chgData name="Alan Wai Hou Lio" userId="4e2e7dda-a9a8-4e9f-8daf-fb8d3a66df36" providerId="ADAL" clId="{65674BCC-BC5D-4491-9E1A-E700DDE5ED59}" dt="2021-06-02T09:48:53.632" v="374"/>
            <ac:spMkLst>
              <pc:docMk/>
              <pc:sldMasterMk cId="2454702602" sldId="2147483662"/>
              <pc:sldLayoutMk cId="3922670733" sldId="2147483672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40" v="378" actId="790"/>
            <ac:spMkLst>
              <pc:docMk/>
              <pc:sldMasterMk cId="2454702602" sldId="2147483662"/>
              <pc:sldLayoutMk cId="3922670733" sldId="2147483672"/>
              <ac:spMk id="6" creationId="{21664EEF-2B63-484E-803A-4FCD66F243A5}"/>
            </ac:spMkLst>
          </pc:spChg>
          <pc:spChg chg="mod">
            <ac:chgData name="Alan Wai Hou Lio" userId="4e2e7dda-a9a8-4e9f-8daf-fb8d3a66df36" providerId="ADAL" clId="{65674BCC-BC5D-4491-9E1A-E700DDE5ED59}" dt="2021-06-02T09:48:53.633" v="375"/>
            <ac:spMkLst>
              <pc:docMk/>
              <pc:sldMasterMk cId="2454702602" sldId="2147483662"/>
              <pc:sldLayoutMk cId="3922670733" sldId="2147483672"/>
              <ac:spMk id="10" creationId="{565D29D0-EA4F-4318-8A82-6C2B200A712B}"/>
            </ac:spMkLst>
          </pc:spChg>
          <pc:spChg chg="mod">
            <ac:chgData name="Alan Wai Hou Lio" userId="4e2e7dda-a9a8-4e9f-8daf-fb8d3a66df36" providerId="ADAL" clId="{65674BCC-BC5D-4491-9E1A-E700DDE5ED59}" dt="2021-06-02T09:48:53.634" v="376"/>
            <ac:spMkLst>
              <pc:docMk/>
              <pc:sldMasterMk cId="2454702602" sldId="2147483662"/>
              <pc:sldLayoutMk cId="3922670733" sldId="2147483672"/>
              <ac:spMk id="12" creationId="{25B8511D-E10E-40C3-82A6-3DCDC97CF6C2}"/>
            </ac:spMkLst>
          </pc:spChg>
          <pc:spChg chg="mod">
            <ac:chgData name="Alan Wai Hou Lio" userId="4e2e7dda-a9a8-4e9f-8daf-fb8d3a66df36" providerId="ADAL" clId="{65674BCC-BC5D-4491-9E1A-E700DDE5ED59}" dt="2021-06-02T09:48:53.632" v="373"/>
            <ac:spMkLst>
              <pc:docMk/>
              <pc:sldMasterMk cId="2454702602" sldId="2147483662"/>
              <pc:sldLayoutMk cId="3922670733" sldId="2147483672"/>
              <ac:spMk id="16" creationId="{90A2595F-A737-4D92-946C-EC0BBF885334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49" v="384" actId="790"/>
          <pc:sldLayoutMkLst>
            <pc:docMk/>
            <pc:sldMasterMk cId="2454702602" sldId="2147483662"/>
            <pc:sldLayoutMk cId="1283562364" sldId="2147483673"/>
          </pc:sldLayoutMkLst>
          <pc:spChg chg="mod">
            <ac:chgData name="Alan Wai Hou Lio" userId="4e2e7dda-a9a8-4e9f-8daf-fb8d3a66df36" providerId="ADAL" clId="{65674BCC-BC5D-4491-9E1A-E700DDE5ED59}" dt="2021-06-02T09:48:53.645" v="383" actId="790"/>
            <ac:spMkLst>
              <pc:docMk/>
              <pc:sldMasterMk cId="2454702602" sldId="2147483662"/>
              <pc:sldLayoutMk cId="1283562364" sldId="2147483673"/>
              <ac:spMk id="2" creationId="{AE26B732-1A52-4AA9-89FC-8FC5439E40DC}"/>
            </ac:spMkLst>
          </pc:spChg>
          <pc:spChg chg="mod">
            <ac:chgData name="Alan Wai Hou Lio" userId="4e2e7dda-a9a8-4e9f-8daf-fb8d3a66df36" providerId="ADAL" clId="{65674BCC-BC5D-4491-9E1A-E700DDE5ED59}" dt="2021-06-02T09:48:53.642" v="380"/>
            <ac:spMkLst>
              <pc:docMk/>
              <pc:sldMasterMk cId="2454702602" sldId="2147483662"/>
              <pc:sldLayoutMk cId="1283562364" sldId="2147483673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49" v="384" actId="790"/>
            <ac:spMkLst>
              <pc:docMk/>
              <pc:sldMasterMk cId="2454702602" sldId="2147483662"/>
              <pc:sldLayoutMk cId="1283562364" sldId="2147483673"/>
              <ac:spMk id="6" creationId="{3B25D0DC-E43F-43DA-AA0F-C0C54C8939F7}"/>
            </ac:spMkLst>
          </pc:spChg>
          <pc:spChg chg="mod">
            <ac:chgData name="Alan Wai Hou Lio" userId="4e2e7dda-a9a8-4e9f-8daf-fb8d3a66df36" providerId="ADAL" clId="{65674BCC-BC5D-4491-9E1A-E700DDE5ED59}" dt="2021-06-02T09:48:53.642" v="381"/>
            <ac:spMkLst>
              <pc:docMk/>
              <pc:sldMasterMk cId="2454702602" sldId="2147483662"/>
              <pc:sldLayoutMk cId="1283562364" sldId="2147483673"/>
              <ac:spMk id="10" creationId="{565D29D0-EA4F-4318-8A82-6C2B200A712B}"/>
            </ac:spMkLst>
          </pc:spChg>
          <pc:spChg chg="mod">
            <ac:chgData name="Alan Wai Hou Lio" userId="4e2e7dda-a9a8-4e9f-8daf-fb8d3a66df36" providerId="ADAL" clId="{65674BCC-BC5D-4491-9E1A-E700DDE5ED59}" dt="2021-06-02T09:48:53.643" v="382"/>
            <ac:spMkLst>
              <pc:docMk/>
              <pc:sldMasterMk cId="2454702602" sldId="2147483662"/>
              <pc:sldLayoutMk cId="1283562364" sldId="2147483673"/>
              <ac:spMk id="12" creationId="{25B8511D-E10E-40C3-82A6-3DCDC97CF6C2}"/>
            </ac:spMkLst>
          </pc:spChg>
          <pc:spChg chg="mod">
            <ac:chgData name="Alan Wai Hou Lio" userId="4e2e7dda-a9a8-4e9f-8daf-fb8d3a66df36" providerId="ADAL" clId="{65674BCC-BC5D-4491-9E1A-E700DDE5ED59}" dt="2021-06-02T09:48:53.641" v="379"/>
            <ac:spMkLst>
              <pc:docMk/>
              <pc:sldMasterMk cId="2454702602" sldId="2147483662"/>
              <pc:sldLayoutMk cId="1283562364" sldId="2147483673"/>
              <ac:spMk id="18" creationId="{92213382-11A1-48CE-B0A0-D8A7D26861FB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59" v="395" actId="790"/>
          <pc:sldLayoutMkLst>
            <pc:docMk/>
            <pc:sldMasterMk cId="2454702602" sldId="2147483662"/>
            <pc:sldLayoutMk cId="1886374073" sldId="2147483676"/>
          </pc:sldLayoutMkLst>
          <pc:spChg chg="mod">
            <ac:chgData name="Alan Wai Hou Lio" userId="4e2e7dda-a9a8-4e9f-8daf-fb8d3a66df36" providerId="ADAL" clId="{65674BCC-BC5D-4491-9E1A-E700DDE5ED59}" dt="2021-06-02T09:48:53.650" v="385"/>
            <ac:spMkLst>
              <pc:docMk/>
              <pc:sldMasterMk cId="2454702602" sldId="2147483662"/>
              <pc:sldLayoutMk cId="1886374073" sldId="2147483676"/>
              <ac:spMk id="2" creationId="{178953C3-F3F7-4638-96F8-7CF20CB55E0C}"/>
            </ac:spMkLst>
          </pc:spChg>
          <pc:spChg chg="mod">
            <ac:chgData name="Alan Wai Hou Lio" userId="4e2e7dda-a9a8-4e9f-8daf-fb8d3a66df36" providerId="ADAL" clId="{65674BCC-BC5D-4491-9E1A-E700DDE5ED59}" dt="2021-06-02T09:48:53.655" v="394" actId="790"/>
            <ac:spMkLst>
              <pc:docMk/>
              <pc:sldMasterMk cId="2454702602" sldId="2147483662"/>
              <pc:sldLayoutMk cId="1886374073" sldId="2147483676"/>
              <ac:spMk id="3" creationId="{71346B4F-F02C-40EC-9B70-932B18214C6A}"/>
            </ac:spMkLst>
          </pc:spChg>
          <pc:spChg chg="mod">
            <ac:chgData name="Alan Wai Hou Lio" userId="4e2e7dda-a9a8-4e9f-8daf-fb8d3a66df36" providerId="ADAL" clId="{65674BCC-BC5D-4491-9E1A-E700DDE5ED59}" dt="2021-06-02T09:48:53.659" v="395" actId="790"/>
            <ac:spMkLst>
              <pc:docMk/>
              <pc:sldMasterMk cId="2454702602" sldId="2147483662"/>
              <pc:sldLayoutMk cId="1886374073" sldId="2147483676"/>
              <ac:spMk id="4" creationId="{FE67EB69-BB5A-407E-BF0A-1CB9B24506D8}"/>
            </ac:spMkLst>
          </pc:spChg>
          <pc:spChg chg="mod">
            <ac:chgData name="Alan Wai Hou Lio" userId="4e2e7dda-a9a8-4e9f-8daf-fb8d3a66df36" providerId="ADAL" clId="{65674BCC-BC5D-4491-9E1A-E700DDE5ED59}" dt="2021-06-02T09:48:53.652" v="391"/>
            <ac:spMkLst>
              <pc:docMk/>
              <pc:sldMasterMk cId="2454702602" sldId="2147483662"/>
              <pc:sldLayoutMk cId="1886374073" sldId="2147483676"/>
              <ac:spMk id="9" creationId="{91B02311-54A6-4455-B615-BBCA0DA742E4}"/>
            </ac:spMkLst>
          </pc:spChg>
          <pc:spChg chg="mod">
            <ac:chgData name="Alan Wai Hou Lio" userId="4e2e7dda-a9a8-4e9f-8daf-fb8d3a66df36" providerId="ADAL" clId="{65674BCC-BC5D-4491-9E1A-E700DDE5ED59}" dt="2021-06-02T09:48:53.652" v="392"/>
            <ac:spMkLst>
              <pc:docMk/>
              <pc:sldMasterMk cId="2454702602" sldId="2147483662"/>
              <pc:sldLayoutMk cId="1886374073" sldId="2147483676"/>
              <ac:spMk id="13" creationId="{710A5827-3485-49A0-81F0-FF89EE34B804}"/>
            </ac:spMkLst>
          </pc:spChg>
          <pc:spChg chg="mod">
            <ac:chgData name="Alan Wai Hou Lio" userId="4e2e7dda-a9a8-4e9f-8daf-fb8d3a66df36" providerId="ADAL" clId="{65674BCC-BC5D-4491-9E1A-E700DDE5ED59}" dt="2021-06-02T09:48:53.653" v="393"/>
            <ac:spMkLst>
              <pc:docMk/>
              <pc:sldMasterMk cId="2454702602" sldId="2147483662"/>
              <pc:sldLayoutMk cId="1886374073" sldId="2147483676"/>
              <ac:spMk id="14" creationId="{E27B0558-FCB8-4A55-9BA9-182DFF0387F4}"/>
            </ac:spMkLst>
          </pc:spChg>
          <pc:spChg chg="mod">
            <ac:chgData name="Alan Wai Hou Lio" userId="4e2e7dda-a9a8-4e9f-8daf-fb8d3a66df36" providerId="ADAL" clId="{65674BCC-BC5D-4491-9E1A-E700DDE5ED59}" dt="2021-06-02T09:48:53.650" v="386"/>
            <ac:spMkLst>
              <pc:docMk/>
              <pc:sldMasterMk cId="2454702602" sldId="2147483662"/>
              <pc:sldLayoutMk cId="1886374073" sldId="2147483676"/>
              <ac:spMk id="15" creationId="{CC0DB591-4602-46B3-B1C3-1E64148AB9B7}"/>
            </ac:spMkLst>
          </pc:spChg>
          <pc:spChg chg="mod">
            <ac:chgData name="Alan Wai Hou Lio" userId="4e2e7dda-a9a8-4e9f-8daf-fb8d3a66df36" providerId="ADAL" clId="{65674BCC-BC5D-4491-9E1A-E700DDE5ED59}" dt="2021-06-02T09:48:53.650" v="387"/>
            <ac:spMkLst>
              <pc:docMk/>
              <pc:sldMasterMk cId="2454702602" sldId="2147483662"/>
              <pc:sldLayoutMk cId="1886374073" sldId="2147483676"/>
              <ac:spMk id="19" creationId="{68416079-1CFC-426F-A6ED-5AB355FC545F}"/>
            </ac:spMkLst>
          </pc:spChg>
          <pc:spChg chg="mod">
            <ac:chgData name="Alan Wai Hou Lio" userId="4e2e7dda-a9a8-4e9f-8daf-fb8d3a66df36" providerId="ADAL" clId="{65674BCC-BC5D-4491-9E1A-E700DDE5ED59}" dt="2021-06-02T09:48:53.651" v="388"/>
            <ac:spMkLst>
              <pc:docMk/>
              <pc:sldMasterMk cId="2454702602" sldId="2147483662"/>
              <pc:sldLayoutMk cId="1886374073" sldId="2147483676"/>
              <ac:spMk id="21" creationId="{D358873C-68BF-4E89-B536-B3248F2B25FE}"/>
            </ac:spMkLst>
          </pc:spChg>
          <pc:spChg chg="mod">
            <ac:chgData name="Alan Wai Hou Lio" userId="4e2e7dda-a9a8-4e9f-8daf-fb8d3a66df36" providerId="ADAL" clId="{65674BCC-BC5D-4491-9E1A-E700DDE5ED59}" dt="2021-06-02T09:48:53.651" v="389"/>
            <ac:spMkLst>
              <pc:docMk/>
              <pc:sldMasterMk cId="2454702602" sldId="2147483662"/>
              <pc:sldLayoutMk cId="1886374073" sldId="2147483676"/>
              <ac:spMk id="23" creationId="{69A0E900-1FE2-4CC1-B435-93F3A1189356}"/>
            </ac:spMkLst>
          </pc:spChg>
          <pc:spChg chg="mod">
            <ac:chgData name="Alan Wai Hou Lio" userId="4e2e7dda-a9a8-4e9f-8daf-fb8d3a66df36" providerId="ADAL" clId="{65674BCC-BC5D-4491-9E1A-E700DDE5ED59}" dt="2021-06-02T09:48:53.652" v="390"/>
            <ac:spMkLst>
              <pc:docMk/>
              <pc:sldMasterMk cId="2454702602" sldId="2147483662"/>
              <pc:sldLayoutMk cId="1886374073" sldId="2147483676"/>
              <ac:spMk id="25" creationId="{E094886A-F110-4851-B1DA-8DFC40D509F8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30" v="372" actId="790"/>
          <pc:sldLayoutMkLst>
            <pc:docMk/>
            <pc:sldMasterMk cId="2454702602" sldId="2147483662"/>
            <pc:sldLayoutMk cId="2945711255" sldId="2147483677"/>
          </pc:sldLayoutMkLst>
          <pc:spChg chg="mod">
            <ac:chgData name="Alan Wai Hou Lio" userId="4e2e7dda-a9a8-4e9f-8daf-fb8d3a66df36" providerId="ADAL" clId="{65674BCC-BC5D-4491-9E1A-E700DDE5ED59}" dt="2021-06-02T09:48:53.624" v="369"/>
            <ac:spMkLst>
              <pc:docMk/>
              <pc:sldMasterMk cId="2454702602" sldId="2147483662"/>
              <pc:sldLayoutMk cId="2945711255" sldId="2147483677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24" v="370"/>
            <ac:spMkLst>
              <pc:docMk/>
              <pc:sldMasterMk cId="2454702602" sldId="2147483662"/>
              <pc:sldLayoutMk cId="2945711255" sldId="2147483677"/>
              <ac:spMk id="4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27" v="371" actId="790"/>
            <ac:spMkLst>
              <pc:docMk/>
              <pc:sldMasterMk cId="2454702602" sldId="2147483662"/>
              <pc:sldLayoutMk cId="2945711255" sldId="2147483677"/>
              <ac:spMk id="7" creationId="{02499420-B0E8-4C8A-8C00-E21262271ADD}"/>
            </ac:spMkLst>
          </pc:spChg>
          <pc:spChg chg="mod">
            <ac:chgData name="Alan Wai Hou Lio" userId="4e2e7dda-a9a8-4e9f-8daf-fb8d3a66df36" providerId="ADAL" clId="{65674BCC-BC5D-4491-9E1A-E700DDE5ED59}" dt="2021-06-02T09:48:53.630" v="372" actId="790"/>
            <ac:spMkLst>
              <pc:docMk/>
              <pc:sldMasterMk cId="2454702602" sldId="2147483662"/>
              <pc:sldLayoutMk cId="2945711255" sldId="2147483677"/>
              <ac:spMk id="8" creationId="{E3EE7F0E-E606-41AC-BBBF-B5AECB1112EB}"/>
            </ac:spMkLst>
          </pc:spChg>
          <pc:spChg chg="mod">
            <ac:chgData name="Alan Wai Hou Lio" userId="4e2e7dda-a9a8-4e9f-8daf-fb8d3a66df36" providerId="ADAL" clId="{65674BCC-BC5D-4491-9E1A-E700DDE5ED59}" dt="2021-06-02T09:48:53.623" v="368"/>
            <ac:spMkLst>
              <pc:docMk/>
              <pc:sldMasterMk cId="2454702602" sldId="2147483662"/>
              <pc:sldLayoutMk cId="2945711255" sldId="2147483677"/>
              <ac:spMk id="9" creationId="{5EB1D5E1-0C4E-4A74-BE37-26307F7E2821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2e20b93-f8f0-4438-9d21-6230dbd4e858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405b9a8a-8b41-41ab-8c32-d93f4eb448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June 2021</a:t>
            </a:r>
          </a:p>
        </p:txBody>
      </p:sp>
      <p:sp>
        <p:nvSpPr>
          <p:cNvPr id="7" name="text" descr="{&quot;templafy&quot;:{&quot;id&quot;:&quot;bd0d50e4-bc21-458e-ac32-a3237323919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51" y="6548503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r>
              <a:rPr lang="en-GB" sz="800" dirty="0">
                <a:solidFill>
                  <a:schemeClr val="bg1"/>
                </a:solidFill>
              </a:rPr>
              <a:t>Wind Turbine Control Basics</a:t>
            </a:r>
            <a:endParaRPr lang="en-GB" sz="700" b="1" kern="1200" dirty="0">
              <a:solidFill>
                <a:schemeClr val="bg1"/>
              </a:solidFill>
              <a:latin typeface="+mn-lt"/>
              <a:ea typeface="ＭＳ Ｐゴシック" pitchFamily="-80" charset="-128"/>
              <a:cs typeface="+mn-cs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tmp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emf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tmp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2.emf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9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7.tmp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emf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hyperlink" Target="mailto:wali@dtu.dk" TargetMode="Externa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1.emf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emf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hyperlink" Target="mailto:wali@dtu.dk" TargetMode="External"/><Relationship Id="rId1" Type="http://schemas.openxmlformats.org/officeDocument/2006/relationships/slideLayout" Target="../slideLayouts/slideLayout3.xml"/><Relationship Id="rId5" Type="http://schemas.openxmlformats.org/officeDocument/2006/relationships/hyperlink" Target="mailto:anca@dtu.dk" TargetMode="External"/><Relationship Id="rId4" Type="http://schemas.openxmlformats.org/officeDocument/2006/relationships/image" Target="../media/image2.jpe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858804" y="306712"/>
            <a:ext cx="9837657" cy="598646"/>
          </a:xfrm>
        </p:spPr>
        <p:txBody>
          <a:bodyPr/>
          <a:lstStyle/>
          <a:p>
            <a:r>
              <a:rPr lang="en-GB" dirty="0"/>
              <a:t>Open-loop contro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idx="1"/>
          </p:nvPr>
        </p:nvSpPr>
        <p:spPr>
          <a:xfrm>
            <a:off x="851586" y="1515651"/>
            <a:ext cx="2249913" cy="510294"/>
          </a:xfrm>
        </p:spPr>
        <p:txBody>
          <a:bodyPr/>
          <a:lstStyle/>
          <a:p>
            <a:pPr marL="0" indent="0">
              <a:buNone/>
            </a:pPr>
            <a:r>
              <a:rPr lang="en-GB" sz="2666" dirty="0"/>
              <a:t>What is it?</a:t>
            </a:r>
          </a:p>
        </p:txBody>
      </p:sp>
      <p:grpSp>
        <p:nvGrpSpPr>
          <p:cNvPr id="7" name="Group 6"/>
          <p:cNvGrpSpPr/>
          <p:nvPr/>
        </p:nvGrpSpPr>
        <p:grpSpPr>
          <a:xfrm>
            <a:off x="6599262" y="3560599"/>
            <a:ext cx="4480096" cy="2235355"/>
            <a:chOff x="6877185" y="2099368"/>
            <a:chExt cx="5481651" cy="3024317"/>
          </a:xfrm>
        </p:grpSpPr>
        <p:pic>
          <p:nvPicPr>
            <p:cNvPr id="8" name="Picture 2"/>
            <p:cNvPicPr>
              <a:picLocks noChangeAspect="1" noChangeArrowheads="1"/>
            </p:cNvPicPr>
            <p:nvPr/>
          </p:nvPicPr>
          <p:blipFill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8591158" y="2933393"/>
              <a:ext cx="2010058" cy="219029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9" name="TextBox 8"/>
            <p:cNvSpPr txBox="1"/>
            <p:nvPr/>
          </p:nvSpPr>
          <p:spPr>
            <a:xfrm>
              <a:off x="10988996" y="3744235"/>
              <a:ext cx="1369840" cy="369331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GB" sz="1800" dirty="0"/>
                <a:t>Outputs</a:t>
              </a:r>
            </a:p>
          </p:txBody>
        </p:sp>
        <p:sp>
          <p:nvSpPr>
            <p:cNvPr id="10" name="Right Arrow 9"/>
            <p:cNvSpPr/>
            <p:nvPr/>
          </p:nvSpPr>
          <p:spPr bwMode="auto">
            <a:xfrm>
              <a:off x="8116493" y="3878479"/>
              <a:ext cx="436030" cy="235088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11" name="TextBox 10"/>
            <p:cNvSpPr txBox="1"/>
            <p:nvPr/>
          </p:nvSpPr>
          <p:spPr>
            <a:xfrm>
              <a:off x="9340756" y="2099368"/>
              <a:ext cx="1045388" cy="369331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GB" sz="1800" dirty="0"/>
                <a:t>Wind</a:t>
              </a:r>
            </a:p>
          </p:txBody>
        </p:sp>
        <p:sp>
          <p:nvSpPr>
            <p:cNvPr id="12" name="Right Arrow 11"/>
            <p:cNvSpPr/>
            <p:nvPr/>
          </p:nvSpPr>
          <p:spPr bwMode="auto">
            <a:xfrm rot="5400000">
              <a:off x="9629970" y="2635041"/>
              <a:ext cx="436030" cy="235088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13" name="Right Arrow 12"/>
            <p:cNvSpPr/>
            <p:nvPr/>
          </p:nvSpPr>
          <p:spPr bwMode="auto">
            <a:xfrm>
              <a:off x="10523383" y="3863117"/>
              <a:ext cx="436030" cy="235088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14" name="TextBox 13"/>
            <p:cNvSpPr txBox="1"/>
            <p:nvPr/>
          </p:nvSpPr>
          <p:spPr>
            <a:xfrm>
              <a:off x="6877185" y="3626740"/>
              <a:ext cx="1345841" cy="646331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GB" sz="1800" dirty="0"/>
                <a:t>Control Inputs</a:t>
              </a:r>
            </a:p>
          </p:txBody>
        </p:sp>
      </p:grpSp>
      <p:grpSp>
        <p:nvGrpSpPr>
          <p:cNvPr id="15" name="Gruppe 3"/>
          <p:cNvGrpSpPr/>
          <p:nvPr/>
        </p:nvGrpSpPr>
        <p:grpSpPr>
          <a:xfrm>
            <a:off x="694606" y="3007594"/>
            <a:ext cx="4241613" cy="3085702"/>
            <a:chOff x="7937992" y="690579"/>
            <a:chExt cx="4241613" cy="3085702"/>
          </a:xfrm>
        </p:grpSpPr>
        <p:sp>
          <p:nvSpPr>
            <p:cNvPr id="16" name="Rectangle 15"/>
            <p:cNvSpPr/>
            <p:nvPr/>
          </p:nvSpPr>
          <p:spPr bwMode="auto">
            <a:xfrm>
              <a:off x="9977196" y="1990636"/>
              <a:ext cx="1693560" cy="1477643"/>
            </a:xfrm>
            <a:prstGeom prst="rect">
              <a:avLst/>
            </a:prstGeom>
            <a:solidFill>
              <a:schemeClr val="accent2">
                <a:lumMod val="20000"/>
                <a:lumOff val="80000"/>
              </a:schemeClr>
            </a:solidFill>
            <a:ln w="28575" cap="flat" cmpd="sng" algn="ctr">
              <a:solidFill>
                <a:schemeClr val="tx1">
                  <a:lumMod val="95000"/>
                  <a:lumOff val="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17" name="Isosceles Triangle 16"/>
            <p:cNvSpPr/>
            <p:nvPr/>
          </p:nvSpPr>
          <p:spPr bwMode="auto">
            <a:xfrm>
              <a:off x="9504075" y="1115821"/>
              <a:ext cx="2639803" cy="874815"/>
            </a:xfrm>
            <a:prstGeom prst="triangle">
              <a:avLst/>
            </a:prstGeom>
            <a:solidFill>
              <a:schemeClr val="accent2">
                <a:lumMod val="20000"/>
                <a:lumOff val="80000"/>
              </a:schemeClr>
            </a:solidFill>
            <a:ln w="28575" cap="flat" cmpd="sng" algn="ctr">
              <a:solidFill>
                <a:schemeClr val="tx1">
                  <a:lumMod val="95000"/>
                  <a:lumOff val="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18" name="Rectangle 17"/>
            <p:cNvSpPr/>
            <p:nvPr/>
          </p:nvSpPr>
          <p:spPr bwMode="auto">
            <a:xfrm>
              <a:off x="10460012" y="2865450"/>
              <a:ext cx="1066316" cy="492548"/>
            </a:xfrm>
            <a:prstGeom prst="rect">
              <a:avLst/>
            </a:prstGeom>
            <a:pattFill prst="ltVert">
              <a:fgClr>
                <a:schemeClr val="tx1">
                  <a:lumMod val="95000"/>
                  <a:lumOff val="5000"/>
                </a:schemeClr>
              </a:fgClr>
              <a:bgClr>
                <a:schemeClr val="bg2">
                  <a:lumMod val="60000"/>
                  <a:lumOff val="40000"/>
                </a:schemeClr>
              </a:bgClr>
            </a:patt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19" name="Oval 18"/>
            <p:cNvSpPr/>
            <p:nvPr/>
          </p:nvSpPr>
          <p:spPr bwMode="auto">
            <a:xfrm>
              <a:off x="10251403" y="2927019"/>
              <a:ext cx="125449" cy="178103"/>
            </a:xfrm>
            <a:prstGeom prst="ellipse">
              <a:avLst/>
            </a:prstGeom>
            <a:solidFill>
              <a:schemeClr val="bg2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cxnSp>
          <p:nvCxnSpPr>
            <p:cNvPr id="20" name="Straight Connector 19"/>
            <p:cNvCxnSpPr>
              <a:stCxn id="19" idx="4"/>
            </p:cNvCxnSpPr>
            <p:nvPr/>
          </p:nvCxnSpPr>
          <p:spPr bwMode="auto">
            <a:xfrm>
              <a:off x="10314128" y="3105122"/>
              <a:ext cx="1456" cy="363157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1" name="Straight Connector 20"/>
            <p:cNvCxnSpPr>
              <a:stCxn id="19" idx="6"/>
            </p:cNvCxnSpPr>
            <p:nvPr/>
          </p:nvCxnSpPr>
          <p:spPr bwMode="auto">
            <a:xfrm>
              <a:off x="10376852" y="3016070"/>
              <a:ext cx="83160" cy="0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2" name="Elbow Connector 21"/>
            <p:cNvCxnSpPr/>
            <p:nvPr/>
          </p:nvCxnSpPr>
          <p:spPr bwMode="auto">
            <a:xfrm rot="16200000" flipH="1">
              <a:off x="11341803" y="3200594"/>
              <a:ext cx="452211" cy="83161"/>
            </a:xfrm>
            <a:prstGeom prst="bentConnector3">
              <a:avLst>
                <a:gd name="adj1" fmla="val -1044"/>
              </a:avLst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3" name="Freeform 22"/>
            <p:cNvSpPr/>
            <p:nvPr/>
          </p:nvSpPr>
          <p:spPr bwMode="auto">
            <a:xfrm>
              <a:off x="10713134" y="2615183"/>
              <a:ext cx="119695" cy="222714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4" name="Freeform 23"/>
            <p:cNvSpPr/>
            <p:nvPr/>
          </p:nvSpPr>
          <p:spPr bwMode="auto">
            <a:xfrm>
              <a:off x="10819367" y="2612576"/>
              <a:ext cx="119695" cy="222714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5" name="Freeform 24"/>
            <p:cNvSpPr/>
            <p:nvPr/>
          </p:nvSpPr>
          <p:spPr bwMode="auto">
            <a:xfrm>
              <a:off x="10925600" y="2612575"/>
              <a:ext cx="119695" cy="222714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6" name="Freeform 25"/>
            <p:cNvSpPr/>
            <p:nvPr/>
          </p:nvSpPr>
          <p:spPr bwMode="auto">
            <a:xfrm>
              <a:off x="11045295" y="2612575"/>
              <a:ext cx="119695" cy="222714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7" name="Freeform 26"/>
            <p:cNvSpPr/>
            <p:nvPr/>
          </p:nvSpPr>
          <p:spPr bwMode="auto">
            <a:xfrm>
              <a:off x="11162161" y="2612574"/>
              <a:ext cx="119695" cy="222714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cxnSp>
          <p:nvCxnSpPr>
            <p:cNvPr id="28" name="Straight Arrow Connector 27"/>
            <p:cNvCxnSpPr/>
            <p:nvPr/>
          </p:nvCxnSpPr>
          <p:spPr bwMode="auto">
            <a:xfrm flipH="1" flipV="1">
              <a:off x="9435985" y="2168739"/>
              <a:ext cx="1396844" cy="192523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9" name="TextBox 28"/>
            <p:cNvSpPr txBox="1"/>
            <p:nvPr/>
          </p:nvSpPr>
          <p:spPr>
            <a:xfrm>
              <a:off x="7937992" y="1898770"/>
              <a:ext cx="1599400" cy="34843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GB" dirty="0"/>
                <a:t>Temperature</a:t>
              </a:r>
            </a:p>
          </p:txBody>
        </p:sp>
        <p:cxnSp>
          <p:nvCxnSpPr>
            <p:cNvPr id="30" name="Straight Arrow Connector 29"/>
            <p:cNvCxnSpPr/>
            <p:nvPr/>
          </p:nvCxnSpPr>
          <p:spPr bwMode="auto">
            <a:xfrm flipV="1">
              <a:off x="9567679" y="3016068"/>
              <a:ext cx="646841" cy="175787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31" name="TextBox 30"/>
            <p:cNvSpPr txBox="1"/>
            <p:nvPr/>
          </p:nvSpPr>
          <p:spPr>
            <a:xfrm>
              <a:off x="8058260" y="3047727"/>
              <a:ext cx="2521998" cy="72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GB" dirty="0"/>
                <a:t>Valve </a:t>
              </a:r>
            </a:p>
            <a:p>
              <a:pPr algn="ctr"/>
              <a:r>
                <a:rPr lang="en-GB" dirty="0"/>
                <a:t>(without thermostat)</a:t>
              </a:r>
            </a:p>
          </p:txBody>
        </p:sp>
        <p:pic>
          <p:nvPicPr>
            <p:cNvPr id="32" name="Picture 2" descr="Image result for sun clipart"/>
            <p:cNvPicPr>
              <a:picLocks noChangeAspect="1" noChangeArrowheads="1"/>
            </p:cNvPicPr>
            <p:nvPr/>
          </p:nvPicPr>
          <p:blipFill>
            <a:blip r:embed="rId3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1368019" y="690579"/>
              <a:ext cx="811586" cy="768017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33" name="TextBox 38"/>
            <p:cNvSpPr txBox="1"/>
            <p:nvPr/>
          </p:nvSpPr>
          <p:spPr>
            <a:xfrm>
              <a:off x="10438418" y="1378208"/>
              <a:ext cx="1398140" cy="52322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>
                <a:spcBef>
                  <a:spcPts val="0"/>
                </a:spcBef>
              </a:pPr>
              <a:r>
                <a:rPr lang="en-GB" sz="1400" dirty="0"/>
                <a:t>Sun</a:t>
              </a:r>
            </a:p>
            <a:p>
              <a:pPr algn="ctr">
                <a:spcBef>
                  <a:spcPts val="0"/>
                </a:spcBef>
              </a:pPr>
              <a:r>
                <a:rPr lang="en-GB" sz="1400" dirty="0"/>
                <a:t>(disturbance)</a:t>
              </a:r>
            </a:p>
          </p:txBody>
        </p:sp>
        <p:cxnSp>
          <p:nvCxnSpPr>
            <p:cNvPr id="34" name="Straight Arrow Connector 37"/>
            <p:cNvCxnSpPr/>
            <p:nvPr/>
          </p:nvCxnSpPr>
          <p:spPr bwMode="auto">
            <a:xfrm flipH="1">
              <a:off x="11368019" y="1276479"/>
              <a:ext cx="245739" cy="330644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35" name="Rektangel 35"/>
          <p:cNvSpPr/>
          <p:nvPr/>
        </p:nvSpPr>
        <p:spPr>
          <a:xfrm>
            <a:off x="4366103" y="1330600"/>
            <a:ext cx="3149361" cy="1200329"/>
          </a:xfrm>
          <a:prstGeom prst="rect">
            <a:avLst/>
          </a:prstGeom>
          <a:solidFill>
            <a:schemeClr val="accent6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400" i="1" dirty="0">
                <a:latin typeface="Arial Rounded MT Bold" panose="020F0704030504030204" pitchFamily="34" charset="0"/>
              </a:rPr>
              <a:t>In short…the  output has no effect on the input</a:t>
            </a:r>
          </a:p>
        </p:txBody>
      </p:sp>
    </p:spTree>
    <p:extLst>
      <p:ext uri="{BB962C8B-B14F-4D97-AF65-F5344CB8AC3E}">
        <p14:creationId xmlns:p14="http://schemas.microsoft.com/office/powerpoint/2010/main" val="10672543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uiExpand="1" build="p"/>
      <p:bldP spid="35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554D18-4A53-4E3C-943C-948F73F43F9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en-loop Example: Part_1.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E6AF601-1535-4492-9EBF-D9CF96FFD74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b="1" dirty="0"/>
              <a:t>DTU 10 MW</a:t>
            </a:r>
          </a:p>
          <a:p>
            <a:pPr lvl="1"/>
            <a:r>
              <a:rPr lang="en-GB" dirty="0"/>
              <a:t>Rated power = 10MW</a:t>
            </a:r>
          </a:p>
          <a:p>
            <a:pPr lvl="1"/>
            <a:r>
              <a:rPr lang="en-GB" dirty="0"/>
              <a:t>Rated Rotor Speed = 1.005 rad/s</a:t>
            </a:r>
          </a:p>
          <a:p>
            <a:pPr lvl="1"/>
            <a:r>
              <a:rPr lang="en-GB" dirty="0"/>
              <a:t>Wind Speed: </a:t>
            </a:r>
            <a:r>
              <a:rPr lang="en-GB" u="sng" dirty="0"/>
              <a:t>Steady 13 m/s</a:t>
            </a:r>
            <a:r>
              <a:rPr lang="en-GB" dirty="0"/>
              <a:t>, above-rated</a:t>
            </a:r>
          </a:p>
          <a:p>
            <a:pPr lvl="1"/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B63195-A0EA-4696-B71B-4B3CD6F0318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BF253B96-1A7E-4923-A491-FC7FCB0C38F3}"/>
              </a:ext>
            </a:extLst>
          </p:cNvPr>
          <p:cNvGrpSpPr/>
          <p:nvPr/>
        </p:nvGrpSpPr>
        <p:grpSpPr>
          <a:xfrm>
            <a:off x="262558" y="4941168"/>
            <a:ext cx="5256584" cy="1540322"/>
            <a:chOff x="262558" y="4774790"/>
            <a:chExt cx="5256584" cy="1540322"/>
          </a:xfrm>
        </p:grpSpPr>
        <p:pic>
          <p:nvPicPr>
            <p:cNvPr id="6" name="Picture 5" descr="Text&#10;&#10;Description automatically generated">
              <a:extLst>
                <a:ext uri="{FF2B5EF4-FFF2-40B4-BE49-F238E27FC236}">
                  <a16:creationId xmlns:a16="http://schemas.microsoft.com/office/drawing/2014/main" id="{07C08906-0CA5-4F88-989E-37AF45F0FE6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262558" y="4816364"/>
              <a:ext cx="5256584" cy="1468506"/>
            </a:xfrm>
            <a:prstGeom prst="rect">
              <a:avLst/>
            </a:prstGeom>
          </p:spPr>
        </p:pic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93341E85-CB11-457B-81E9-B1EFE9D37E4E}"/>
                </a:ext>
              </a:extLst>
            </p:cNvPr>
            <p:cNvSpPr/>
            <p:nvPr/>
          </p:nvSpPr>
          <p:spPr bwMode="auto">
            <a:xfrm>
              <a:off x="1414686" y="4774790"/>
              <a:ext cx="504056" cy="432048"/>
            </a:xfrm>
            <a:prstGeom prst="ellipse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11E90A7A-65D2-47A6-9D25-F190CE759700}"/>
                </a:ext>
              </a:extLst>
            </p:cNvPr>
            <p:cNvSpPr/>
            <p:nvPr/>
          </p:nvSpPr>
          <p:spPr bwMode="auto">
            <a:xfrm>
              <a:off x="2422798" y="5700926"/>
              <a:ext cx="599606" cy="614186"/>
            </a:xfrm>
            <a:prstGeom prst="ellipse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52FD63A1-C9B5-461F-BC78-85AFDE9E78D8}"/>
              </a:ext>
            </a:extLst>
          </p:cNvPr>
          <p:cNvGrpSpPr/>
          <p:nvPr/>
        </p:nvGrpSpPr>
        <p:grpSpPr>
          <a:xfrm>
            <a:off x="6870782" y="1706400"/>
            <a:ext cx="5048250" cy="1151339"/>
            <a:chOff x="1774726" y="3211262"/>
            <a:chExt cx="5048250" cy="1151339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7B39E09F-1E36-4FD3-8ED9-8EFA1DCACA7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1774726" y="3638701"/>
              <a:ext cx="5048250" cy="723900"/>
            </a:xfrm>
            <a:prstGeom prst="rect">
              <a:avLst/>
            </a:prstGeom>
          </p:spPr>
        </p:pic>
        <p:sp>
          <p:nvSpPr>
            <p:cNvPr id="11" name="Rektangel 41">
              <a:extLst>
                <a:ext uri="{FF2B5EF4-FFF2-40B4-BE49-F238E27FC236}">
                  <a16:creationId xmlns:a16="http://schemas.microsoft.com/office/drawing/2014/main" id="{4529DCE6-1463-4A49-ADFF-3448BE67F985}"/>
                </a:ext>
              </a:extLst>
            </p:cNvPr>
            <p:cNvSpPr/>
            <p:nvPr/>
          </p:nvSpPr>
          <p:spPr>
            <a:xfrm>
              <a:off x="1774726" y="3211262"/>
              <a:ext cx="2316655" cy="400110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>
              <a:spAutoFit/>
            </a:bodyPr>
            <a:lstStyle/>
            <a:p>
              <a:pPr>
                <a:spcBef>
                  <a:spcPts val="0"/>
                </a:spcBef>
              </a:pPr>
              <a:r>
                <a:rPr lang="en-GB" sz="2000" b="1" dirty="0">
                  <a:latin typeface="Arial Rounded MT Bold" panose="020F0704030504030204" pitchFamily="34" charset="0"/>
                </a:rPr>
                <a:t>Desired Outputs</a:t>
              </a:r>
              <a:endParaRPr lang="en-GB" sz="2000" dirty="0">
                <a:latin typeface="Arial Rounded MT Bold" panose="020F0704030504030204" pitchFamily="34" charset="0"/>
              </a:endParaRPr>
            </a:p>
          </p:txBody>
        </p:sp>
      </p:grpSp>
      <p:sp>
        <p:nvSpPr>
          <p:cNvPr id="12" name="TextBox 11">
            <a:extLst>
              <a:ext uri="{FF2B5EF4-FFF2-40B4-BE49-F238E27FC236}">
                <a16:creationId xmlns:a16="http://schemas.microsoft.com/office/drawing/2014/main" id="{9F6C18D2-93DD-451B-B442-20D56C76BCBE}"/>
              </a:ext>
            </a:extLst>
          </p:cNvPr>
          <p:cNvSpPr txBox="1"/>
          <p:nvPr/>
        </p:nvSpPr>
        <p:spPr>
          <a:xfrm>
            <a:off x="7895406" y="5641913"/>
            <a:ext cx="2785186" cy="78996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i="1" dirty="0">
                <a:latin typeface="+mn-lt"/>
              </a:rPr>
              <a:t>Tip: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ower = Rotor Speed * Torque</a:t>
            </a:r>
            <a:br>
              <a:rPr lang="en-GB" dirty="0">
                <a:latin typeface="+mn-lt"/>
              </a:rPr>
            </a:br>
            <a:endParaRPr lang="en-GB" dirty="0">
              <a:latin typeface="+mn-lt"/>
            </a:endParaRPr>
          </a:p>
        </p:txBody>
      </p:sp>
      <p:sp>
        <p:nvSpPr>
          <p:cNvPr id="14" name="Rektangel 4">
            <a:extLst>
              <a:ext uri="{FF2B5EF4-FFF2-40B4-BE49-F238E27FC236}">
                <a16:creationId xmlns:a16="http://schemas.microsoft.com/office/drawing/2014/main" id="{EC92FEBD-AD71-42EE-84CF-D27B91D79E6A}"/>
              </a:ext>
            </a:extLst>
          </p:cNvPr>
          <p:cNvSpPr/>
          <p:nvPr/>
        </p:nvSpPr>
        <p:spPr bwMode="auto">
          <a:xfrm>
            <a:off x="1414686" y="3059790"/>
            <a:ext cx="9736553" cy="1737362"/>
          </a:xfrm>
          <a:prstGeom prst="rect">
            <a:avLst/>
          </a:prstGeom>
          <a:solidFill>
            <a:schemeClr val="accent1"/>
          </a:solidFill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44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Open-loop controller</a:t>
            </a:r>
            <a:endParaRPr kumimoji="0" lang="en-GB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1800"/>
              </a:spcBef>
              <a:buFont typeface="+mj-lt"/>
              <a:buAutoNum type="arabicPeriod"/>
            </a:pPr>
            <a:r>
              <a:rPr kumimoji="0" lang="en-GB" sz="18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Open part_1.m</a:t>
            </a:r>
            <a:endParaRPr kumimoji="0" lang="en-GB" sz="1800" b="0" i="0" u="none" strike="noStrike" cap="none" normalizeH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GB" sz="1800" baseline="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hange the </a:t>
            </a:r>
            <a:r>
              <a:rPr lang="en-GB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value for </a:t>
            </a:r>
            <a:r>
              <a:rPr lang="en-GB" sz="18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OpenLoop_Torque</a:t>
            </a:r>
            <a:r>
              <a:rPr lang="en-GB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and </a:t>
            </a:r>
            <a:r>
              <a:rPr lang="en-GB" sz="18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OpenLoop_Pitch</a:t>
            </a:r>
            <a:r>
              <a:rPr lang="en-GB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so </a:t>
            </a:r>
            <a:r>
              <a:rPr lang="en-GB" sz="1800" baseline="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that the rotor speed and generated</a:t>
            </a:r>
            <a:r>
              <a:rPr lang="en-GB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power are regulated to the desired outputs. </a:t>
            </a:r>
          </a:p>
        </p:txBody>
      </p:sp>
    </p:spTree>
    <p:extLst>
      <p:ext uri="{BB962C8B-B14F-4D97-AF65-F5344CB8AC3E}">
        <p14:creationId xmlns:p14="http://schemas.microsoft.com/office/powerpoint/2010/main" val="291114301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2A4ECF-FA18-461C-9719-4DF645096B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en-loop Example: Part_1.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67A1E2F-E3C6-48A6-AEC5-46FD7239856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4A6F3A7-F7D9-4028-96EB-C69C5372989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6" name="Rektangel 41">
            <a:extLst>
              <a:ext uri="{FF2B5EF4-FFF2-40B4-BE49-F238E27FC236}">
                <a16:creationId xmlns:a16="http://schemas.microsoft.com/office/drawing/2014/main" id="{91A7DDF0-F456-4C80-966E-91F9072FA957}"/>
              </a:ext>
            </a:extLst>
          </p:cNvPr>
          <p:cNvSpPr/>
          <p:nvPr/>
        </p:nvSpPr>
        <p:spPr>
          <a:xfrm>
            <a:off x="6743278" y="4437112"/>
            <a:ext cx="4608512" cy="1015663"/>
          </a:xfrm>
          <a:prstGeom prst="rect">
            <a:avLst/>
          </a:prstGeom>
          <a:solidFill>
            <a:schemeClr val="accent6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>
              <a:spcBef>
                <a:spcPts val="0"/>
              </a:spcBef>
            </a:pPr>
            <a:r>
              <a:rPr lang="en-GB" sz="2000" b="1" dirty="0">
                <a:latin typeface="Arial Rounded MT Bold" panose="020F0704030504030204" pitchFamily="34" charset="0"/>
              </a:rPr>
              <a:t>inputs:</a:t>
            </a:r>
          </a:p>
          <a:p>
            <a:pPr marL="285750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Arial Rounded MT Bold" panose="020F0704030504030204" pitchFamily="34" charset="0"/>
              </a:rPr>
              <a:t>Pitch angle: 6.78 </a:t>
            </a:r>
            <a:r>
              <a:rPr lang="en-GB" sz="2000" dirty="0" err="1">
                <a:latin typeface="Arial Rounded MT Bold" panose="020F0704030504030204" pitchFamily="34" charset="0"/>
              </a:rPr>
              <a:t>deg</a:t>
            </a:r>
            <a:endParaRPr lang="en-GB" sz="2000" dirty="0">
              <a:latin typeface="Arial Rounded MT Bold" panose="020F0704030504030204" pitchFamily="34" charset="0"/>
            </a:endParaRPr>
          </a:p>
          <a:p>
            <a:pPr marL="285750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Arial Rounded MT Bold" panose="020F0704030504030204" pitchFamily="34" charset="0"/>
              </a:rPr>
              <a:t>Generator torque: 10e6/1.005 Nm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9824BA-095D-4981-B4F9-C723F9A9BF4E}"/>
              </a:ext>
            </a:extLst>
          </p:cNvPr>
          <p:cNvGrpSpPr/>
          <p:nvPr/>
        </p:nvGrpSpPr>
        <p:grpSpPr>
          <a:xfrm>
            <a:off x="6523409" y="2556325"/>
            <a:ext cx="5048250" cy="1151339"/>
            <a:chOff x="1774726" y="3211262"/>
            <a:chExt cx="5048250" cy="1151339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5CB44033-AC06-4F45-985D-7DFC9405620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1774726" y="3638701"/>
              <a:ext cx="5048250" cy="723900"/>
            </a:xfrm>
            <a:prstGeom prst="rect">
              <a:avLst/>
            </a:prstGeom>
          </p:spPr>
        </p:pic>
        <p:sp>
          <p:nvSpPr>
            <p:cNvPr id="9" name="Rektangel 41">
              <a:extLst>
                <a:ext uri="{FF2B5EF4-FFF2-40B4-BE49-F238E27FC236}">
                  <a16:creationId xmlns:a16="http://schemas.microsoft.com/office/drawing/2014/main" id="{DC1BCDAB-63B0-42E3-B1F6-0808165265D3}"/>
                </a:ext>
              </a:extLst>
            </p:cNvPr>
            <p:cNvSpPr/>
            <p:nvPr/>
          </p:nvSpPr>
          <p:spPr>
            <a:xfrm>
              <a:off x="1774726" y="3211262"/>
              <a:ext cx="2316655" cy="400110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>
              <a:spAutoFit/>
            </a:bodyPr>
            <a:lstStyle/>
            <a:p>
              <a:pPr>
                <a:spcBef>
                  <a:spcPts val="0"/>
                </a:spcBef>
              </a:pPr>
              <a:r>
                <a:rPr lang="en-GB" sz="2000" b="1" dirty="0">
                  <a:latin typeface="Arial Rounded MT Bold" panose="020F0704030504030204" pitchFamily="34" charset="0"/>
                </a:rPr>
                <a:t>Desired Outputs</a:t>
              </a:r>
              <a:endParaRPr lang="en-GB" sz="2000" dirty="0">
                <a:latin typeface="Arial Rounded MT Bold" panose="020F0704030504030204" pitchFamily="34" charset="0"/>
              </a:endParaRPr>
            </a:p>
          </p:txBody>
        </p:sp>
      </p:grpSp>
      <p:pic>
        <p:nvPicPr>
          <p:cNvPr id="13" name="Picture 12">
            <a:extLst>
              <a:ext uri="{FF2B5EF4-FFF2-40B4-BE49-F238E27FC236}">
                <a16:creationId xmlns:a16="http://schemas.microsoft.com/office/drawing/2014/main" id="{76E356D8-3A53-41A5-B106-2B27D849C4F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8754" y="1706400"/>
            <a:ext cx="5956220" cy="44671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1381694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F28C53-AF98-492E-B1B6-0D1120AA00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en-loop Example: Part_1.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23598F7-267F-4F06-AE11-1BC1D32925E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Now, the wind speed (disturbance) increases from 13 m/s to 14 m/s</a:t>
            </a:r>
          </a:p>
          <a:p>
            <a:pPr>
              <a:lnSpc>
                <a:spcPct val="150000"/>
              </a:lnSpc>
            </a:pPr>
            <a:r>
              <a:rPr lang="en-GB" dirty="0"/>
              <a:t>What will happen to the rotor speed and power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F7950E1-C48D-4B83-9047-30958EA8C60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5" name="Picture 3" descr="C:\Users\rink\Documents\teaching\2018_01_aerodynamics_and_aeroelasticity\controls_module\figures\part_1b_windspeed.png">
            <a:extLst>
              <a:ext uri="{FF2B5EF4-FFF2-40B4-BE49-F238E27FC236}">
                <a16:creationId xmlns:a16="http://schemas.microsoft.com/office/drawing/2014/main" id="{0E8D188C-8902-4D5B-BE3F-2B36DAFA013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681"/>
          <a:stretch/>
        </p:blipFill>
        <p:spPr bwMode="auto">
          <a:xfrm>
            <a:off x="396517" y="3943455"/>
            <a:ext cx="5249317" cy="244827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 descr="Text&#10;&#10;Description automatically generated">
            <a:extLst>
              <a:ext uri="{FF2B5EF4-FFF2-40B4-BE49-F238E27FC236}">
                <a16:creationId xmlns:a16="http://schemas.microsoft.com/office/drawing/2014/main" id="{762F71C2-847B-4292-8582-FA540F99F78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37462" y="4389047"/>
            <a:ext cx="6001588" cy="1676634"/>
          </a:xfrm>
          <a:prstGeom prst="rect">
            <a:avLst/>
          </a:prstGeom>
        </p:spPr>
      </p:pic>
      <p:sp>
        <p:nvSpPr>
          <p:cNvPr id="7" name="Oval 6">
            <a:extLst>
              <a:ext uri="{FF2B5EF4-FFF2-40B4-BE49-F238E27FC236}">
                <a16:creationId xmlns:a16="http://schemas.microsoft.com/office/drawing/2014/main" id="{F1DA4130-45C8-4F6C-AA00-B3CA34FF1627}"/>
              </a:ext>
            </a:extLst>
          </p:cNvPr>
          <p:cNvSpPr/>
          <p:nvPr/>
        </p:nvSpPr>
        <p:spPr bwMode="auto">
          <a:xfrm>
            <a:off x="7247334" y="4431236"/>
            <a:ext cx="504056" cy="432048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DE1FF2F9-BFA1-49D4-9012-C00EB391539A}"/>
              </a:ext>
            </a:extLst>
          </p:cNvPr>
          <p:cNvCxnSpPr/>
          <p:nvPr/>
        </p:nvCxnSpPr>
        <p:spPr bwMode="auto">
          <a:xfrm flipH="1">
            <a:off x="7607374" y="4235014"/>
            <a:ext cx="507078" cy="15403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0724476D-B97A-4CD2-B416-A13878F6FA50}"/>
              </a:ext>
            </a:extLst>
          </p:cNvPr>
          <p:cNvSpPr txBox="1"/>
          <p:nvPr/>
        </p:nvSpPr>
        <p:spPr>
          <a:xfrm>
            <a:off x="8239780" y="3988793"/>
            <a:ext cx="327333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hange the simulation time to 300 s</a:t>
            </a:r>
          </a:p>
        </p:txBody>
      </p:sp>
      <p:sp>
        <p:nvSpPr>
          <p:cNvPr id="11" name="Rektangel 4">
            <a:extLst>
              <a:ext uri="{FF2B5EF4-FFF2-40B4-BE49-F238E27FC236}">
                <a16:creationId xmlns:a16="http://schemas.microsoft.com/office/drawing/2014/main" id="{FE82F10E-B3B4-47E0-868B-313FC038549B}"/>
              </a:ext>
            </a:extLst>
          </p:cNvPr>
          <p:cNvSpPr/>
          <p:nvPr/>
        </p:nvSpPr>
        <p:spPr bwMode="auto">
          <a:xfrm>
            <a:off x="1486694" y="2636912"/>
            <a:ext cx="9736553" cy="1106420"/>
          </a:xfrm>
          <a:prstGeom prst="rect">
            <a:avLst/>
          </a:prstGeom>
          <a:solidFill>
            <a:schemeClr val="accent1"/>
          </a:solidFill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44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Open-loop controller 2</a:t>
            </a:r>
            <a:endParaRPr kumimoji="0" lang="en-GB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1800"/>
              </a:spcBef>
              <a:buFont typeface="+mj-lt"/>
              <a:buAutoNum type="arabicPeriod"/>
            </a:pPr>
            <a:r>
              <a:rPr kumimoji="0" lang="en-GB" sz="18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Change simulation time to 300 and see what happens</a:t>
            </a:r>
            <a:endParaRPr lang="en-GB" sz="180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6352150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6D48CB38-DA3E-4567-A6F8-D28A3361408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61894" y="2398489"/>
            <a:ext cx="4598712" cy="3449034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5" name="Rektangel 3"/>
          <p:cNvSpPr/>
          <p:nvPr/>
        </p:nvSpPr>
        <p:spPr bwMode="auto">
          <a:xfrm>
            <a:off x="198712" y="1462259"/>
            <a:ext cx="6464002" cy="598589"/>
          </a:xfrm>
          <a:prstGeom prst="rect">
            <a:avLst/>
          </a:prstGeom>
          <a:solidFill>
            <a:schemeClr val="accent1"/>
          </a:solidFill>
          <a:ln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44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2400"/>
              </a:spcBef>
            </a:pPr>
            <a:r>
              <a:rPr kumimoji="0" lang="en-GB" sz="2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When the simulation length is increased to</a:t>
            </a:r>
            <a:r>
              <a:rPr kumimoji="0" lang="en-GB" sz="2000" b="0" i="0" u="none" strike="noStrike" cap="none" normalizeH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 300s</a:t>
            </a:r>
          </a:p>
        </p:txBody>
      </p:sp>
      <p:sp>
        <p:nvSpPr>
          <p:cNvPr id="6" name="Titel 4"/>
          <p:cNvSpPr>
            <a:spLocks noGrp="1"/>
          </p:cNvSpPr>
          <p:nvPr>
            <p:ph type="title"/>
          </p:nvPr>
        </p:nvSpPr>
        <p:spPr>
          <a:xfrm>
            <a:off x="860440" y="148616"/>
            <a:ext cx="10563358" cy="1143000"/>
          </a:xfrm>
        </p:spPr>
        <p:txBody>
          <a:bodyPr anchor="ctr"/>
          <a:lstStyle/>
          <a:p>
            <a:r>
              <a:rPr lang="en-GB" dirty="0"/>
              <a:t>Open-loop Example: Part_1.m </a:t>
            </a:r>
          </a:p>
        </p:txBody>
      </p:sp>
      <p:pic>
        <p:nvPicPr>
          <p:cNvPr id="8" name="Picture 3" descr="C:\Users\rink\Documents\teaching\2018_01_aerodynamics_and_aeroelasticity\controls_module\figures\part_1b_windspeed.png"/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681"/>
          <a:stretch/>
        </p:blipFill>
        <p:spPr bwMode="auto">
          <a:xfrm>
            <a:off x="190550" y="2424322"/>
            <a:ext cx="6058239" cy="28255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Rektangel 5"/>
          <p:cNvSpPr/>
          <p:nvPr/>
        </p:nvSpPr>
        <p:spPr>
          <a:xfrm>
            <a:off x="254075" y="5835166"/>
            <a:ext cx="3191876" cy="400110"/>
          </a:xfrm>
          <a:prstGeom prst="rect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000" dirty="0">
                <a:latin typeface="Arial Rounded MT Bold" panose="020F0704030504030204" pitchFamily="34" charset="0"/>
              </a:rPr>
              <a:t>Wind speed changed</a:t>
            </a:r>
          </a:p>
        </p:txBody>
      </p:sp>
      <p:sp>
        <p:nvSpPr>
          <p:cNvPr id="10" name="Rektangel 14"/>
          <p:cNvSpPr/>
          <p:nvPr/>
        </p:nvSpPr>
        <p:spPr>
          <a:xfrm>
            <a:off x="4602086" y="5908175"/>
            <a:ext cx="6852446" cy="400110"/>
          </a:xfrm>
          <a:prstGeom prst="rect">
            <a:avLst/>
          </a:prstGeom>
          <a:solidFill>
            <a:schemeClr val="accent6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000" dirty="0">
                <a:latin typeface="Arial Rounded MT Bold" panose="020F0704030504030204" pitchFamily="34" charset="0"/>
              </a:rPr>
              <a:t>Control inputs need to be changed in real-time</a:t>
            </a:r>
          </a:p>
        </p:txBody>
      </p:sp>
      <p:sp>
        <p:nvSpPr>
          <p:cNvPr id="13" name="Right Arrow 12"/>
          <p:cNvSpPr/>
          <p:nvPr/>
        </p:nvSpPr>
        <p:spPr bwMode="auto">
          <a:xfrm>
            <a:off x="3660207" y="5867462"/>
            <a:ext cx="727623" cy="440823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 dirty="0"/>
          </a:p>
        </p:txBody>
      </p:sp>
      <p:grpSp>
        <p:nvGrpSpPr>
          <p:cNvPr id="15" name="Group 14"/>
          <p:cNvGrpSpPr/>
          <p:nvPr/>
        </p:nvGrpSpPr>
        <p:grpSpPr>
          <a:xfrm>
            <a:off x="6937125" y="1250701"/>
            <a:ext cx="5048250" cy="1151339"/>
            <a:chOff x="1774726" y="3211262"/>
            <a:chExt cx="5048250" cy="1151339"/>
          </a:xfrm>
        </p:grpSpPr>
        <p:pic>
          <p:nvPicPr>
            <p:cNvPr id="16" name="Picture 15"/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1774726" y="3638701"/>
              <a:ext cx="5048250" cy="723900"/>
            </a:xfrm>
            <a:prstGeom prst="rect">
              <a:avLst/>
            </a:prstGeom>
          </p:spPr>
        </p:pic>
        <p:sp>
          <p:nvSpPr>
            <p:cNvPr id="17" name="Rektangel 41"/>
            <p:cNvSpPr/>
            <p:nvPr/>
          </p:nvSpPr>
          <p:spPr>
            <a:xfrm>
              <a:off x="1774726" y="3211262"/>
              <a:ext cx="2316655" cy="400110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>
              <a:spAutoFit/>
            </a:bodyPr>
            <a:lstStyle/>
            <a:p>
              <a:pPr>
                <a:spcBef>
                  <a:spcPts val="0"/>
                </a:spcBef>
              </a:pPr>
              <a:r>
                <a:rPr lang="en-GB" sz="2000" b="1" dirty="0">
                  <a:latin typeface="Arial Rounded MT Bold" panose="020F0704030504030204" pitchFamily="34" charset="0"/>
                </a:rPr>
                <a:t>Desired Outputs</a:t>
              </a:r>
              <a:endParaRPr lang="en-GB" sz="2000" dirty="0">
                <a:latin typeface="Arial Rounded MT Bold" panose="020F0704030504030204" pitchFamily="34" charset="0"/>
              </a:endParaRPr>
            </a:p>
          </p:txBody>
        </p:sp>
      </p:grpSp>
      <p:sp>
        <p:nvSpPr>
          <p:cNvPr id="18" name="Rektangel 41">
            <a:extLst>
              <a:ext uri="{FF2B5EF4-FFF2-40B4-BE49-F238E27FC236}">
                <a16:creationId xmlns:a16="http://schemas.microsoft.com/office/drawing/2014/main" id="{44B6B9C5-7152-43AB-AC1D-6D0B5FDFFD14}"/>
              </a:ext>
            </a:extLst>
          </p:cNvPr>
          <p:cNvSpPr/>
          <p:nvPr/>
        </p:nvSpPr>
        <p:spPr>
          <a:xfrm>
            <a:off x="7136512" y="180649"/>
            <a:ext cx="4608512" cy="1015663"/>
          </a:xfrm>
          <a:prstGeom prst="rect">
            <a:avLst/>
          </a:prstGeom>
          <a:solidFill>
            <a:schemeClr val="accent6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>
              <a:spcBef>
                <a:spcPts val="0"/>
              </a:spcBef>
            </a:pPr>
            <a:r>
              <a:rPr lang="en-GB" sz="2000" b="1" dirty="0">
                <a:latin typeface="Arial Rounded MT Bold" panose="020F0704030504030204" pitchFamily="34" charset="0"/>
              </a:rPr>
              <a:t>inputs:</a:t>
            </a:r>
          </a:p>
          <a:p>
            <a:pPr marL="285750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Arial Rounded MT Bold" panose="020F0704030504030204" pitchFamily="34" charset="0"/>
              </a:rPr>
              <a:t>Pitch angle: 6.78 </a:t>
            </a:r>
            <a:r>
              <a:rPr lang="en-GB" sz="2000" dirty="0" err="1">
                <a:latin typeface="Arial Rounded MT Bold" panose="020F0704030504030204" pitchFamily="34" charset="0"/>
              </a:rPr>
              <a:t>deg</a:t>
            </a:r>
            <a:endParaRPr lang="en-GB" sz="2000" dirty="0">
              <a:latin typeface="Arial Rounded MT Bold" panose="020F0704030504030204" pitchFamily="34" charset="0"/>
            </a:endParaRPr>
          </a:p>
          <a:p>
            <a:pPr marL="285750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latin typeface="Arial Rounded MT Bold" panose="020F0704030504030204" pitchFamily="34" charset="0"/>
              </a:rPr>
              <a:t>Generator torque: 10e6/1.005 Nm</a:t>
            </a:r>
          </a:p>
        </p:txBody>
      </p:sp>
    </p:spTree>
    <p:extLst>
      <p:ext uri="{BB962C8B-B14F-4D97-AF65-F5344CB8AC3E}">
        <p14:creationId xmlns:p14="http://schemas.microsoft.com/office/powerpoint/2010/main" val="317516225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3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982638" y="270637"/>
            <a:ext cx="8540372" cy="668869"/>
          </a:xfrm>
        </p:spPr>
        <p:txBody>
          <a:bodyPr/>
          <a:lstStyle/>
          <a:p>
            <a:r>
              <a:rPr lang="en-GB" dirty="0"/>
              <a:t>Closed-loop control</a:t>
            </a:r>
          </a:p>
        </p:txBody>
      </p:sp>
      <p:grpSp>
        <p:nvGrpSpPr>
          <p:cNvPr id="6" name="Group 5"/>
          <p:cNvGrpSpPr/>
          <p:nvPr/>
        </p:nvGrpSpPr>
        <p:grpSpPr>
          <a:xfrm>
            <a:off x="3108648" y="1082595"/>
            <a:ext cx="5002782" cy="2746371"/>
            <a:chOff x="3108648" y="1082595"/>
            <a:chExt cx="5002782" cy="2746371"/>
          </a:xfrm>
        </p:grpSpPr>
        <p:pic>
          <p:nvPicPr>
            <p:cNvPr id="7" name="Picture 2"/>
            <p:cNvPicPr>
              <a:picLocks noChangeAspect="1" noChangeArrowheads="1"/>
            </p:cNvPicPr>
            <p:nvPr/>
          </p:nvPicPr>
          <p:blipFill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4390826" y="1485038"/>
              <a:ext cx="2152941" cy="2343928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8" name="Right Arrow 7"/>
            <p:cNvSpPr/>
            <p:nvPr/>
          </p:nvSpPr>
          <p:spPr bwMode="auto">
            <a:xfrm>
              <a:off x="4219016" y="2374802"/>
              <a:ext cx="436030" cy="235088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9" name="Right Arrow 8"/>
            <p:cNvSpPr/>
            <p:nvPr/>
          </p:nvSpPr>
          <p:spPr bwMode="auto">
            <a:xfrm>
              <a:off x="6455246" y="2374802"/>
              <a:ext cx="436030" cy="235088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10" name="TextBox 9"/>
            <p:cNvSpPr txBox="1"/>
            <p:nvPr/>
          </p:nvSpPr>
          <p:spPr>
            <a:xfrm>
              <a:off x="3108648" y="2323090"/>
              <a:ext cx="1042342" cy="369332"/>
            </a:xfrm>
            <a:prstGeom prst="rect">
              <a:avLst/>
            </a:prstGeom>
            <a:solidFill>
              <a:schemeClr val="bg1">
                <a:lumMod val="85000"/>
              </a:schemeClr>
            </a:solidFill>
          </p:spPr>
          <p:txBody>
            <a:bodyPr wrap="square" rtlCol="0">
              <a:spAutoFit/>
            </a:bodyPr>
            <a:lstStyle/>
            <a:p>
              <a:r>
                <a:rPr lang="en-GB" sz="1800" dirty="0">
                  <a:effectLst>
                    <a:outerShdw blurRad="38100" dist="38100" dir="2700000" algn="tl">
                      <a:srgbClr val="000000">
                        <a:alpha val="43137"/>
                      </a:srgbClr>
                    </a:outerShdw>
                  </a:effectLst>
                </a:rPr>
                <a:t>Inputs</a:t>
              </a:r>
            </a:p>
          </p:txBody>
        </p:sp>
        <p:sp>
          <p:nvSpPr>
            <p:cNvPr id="11" name="TextBox 10"/>
            <p:cNvSpPr txBox="1"/>
            <p:nvPr/>
          </p:nvSpPr>
          <p:spPr>
            <a:xfrm>
              <a:off x="6942536" y="2252947"/>
              <a:ext cx="1168894" cy="369332"/>
            </a:xfrm>
            <a:prstGeom prst="rect">
              <a:avLst/>
            </a:prstGeom>
            <a:solidFill>
              <a:schemeClr val="bg1">
                <a:lumMod val="85000"/>
              </a:schemeClr>
            </a:solidFill>
          </p:spPr>
          <p:txBody>
            <a:bodyPr wrap="square" rtlCol="0">
              <a:spAutoFit/>
            </a:bodyPr>
            <a:lstStyle/>
            <a:p>
              <a:r>
                <a:rPr lang="en-GB" sz="1800" dirty="0">
                  <a:effectLst>
                    <a:outerShdw blurRad="38100" dist="38100" dir="2700000" algn="tl">
                      <a:srgbClr val="000000">
                        <a:alpha val="43137"/>
                      </a:srgbClr>
                    </a:outerShdw>
                  </a:effectLst>
                </a:rPr>
                <a:t>Outputs</a:t>
              </a:r>
            </a:p>
          </p:txBody>
        </p:sp>
        <p:sp>
          <p:nvSpPr>
            <p:cNvPr id="12" name="Right Arrow 4"/>
            <p:cNvSpPr/>
            <p:nvPr/>
          </p:nvSpPr>
          <p:spPr bwMode="auto">
            <a:xfrm rot="5400000">
              <a:off x="5366825" y="1581273"/>
              <a:ext cx="436030" cy="235088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13" name="TextBox 6"/>
            <p:cNvSpPr txBox="1"/>
            <p:nvPr/>
          </p:nvSpPr>
          <p:spPr>
            <a:xfrm>
              <a:off x="5063669" y="1082595"/>
              <a:ext cx="1042342" cy="369332"/>
            </a:xfrm>
            <a:prstGeom prst="rect">
              <a:avLst/>
            </a:prstGeom>
            <a:solidFill>
              <a:schemeClr val="bg1">
                <a:lumMod val="85000"/>
              </a:schemeClr>
            </a:solidFill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1800" dirty="0">
                  <a:effectLst>
                    <a:outerShdw blurRad="38100" dist="38100" dir="2700000" algn="tl">
                      <a:srgbClr val="000000">
                        <a:alpha val="43137"/>
                      </a:srgbClr>
                    </a:outerShdw>
                  </a:effectLst>
                </a:rPr>
                <a:t>Wind</a:t>
              </a: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14" name="Tekstboks 17"/>
              <p:cNvSpPr txBox="1"/>
              <p:nvPr/>
            </p:nvSpPr>
            <p:spPr>
              <a:xfrm>
                <a:off x="622598" y="4960234"/>
                <a:ext cx="2342308" cy="1657633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en-GB" sz="2400" b="1" dirty="0"/>
                  <a:t>Before (OL):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2400" b="0" i="1" smtClean="0">
                            <a:latin typeface="Cambria Math" panose="02040503050406030204" pitchFamily="18" charset="0"/>
                            <a:sym typeface="Symbol"/>
                          </a:rPr>
                        </m:ctrlPr>
                      </m:sSubPr>
                      <m:e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𝜃</m:t>
                        </m:r>
                      </m:e>
                      <m:sub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𝑝𝑖𝑡𝑐h</m:t>
                        </m:r>
                      </m:sub>
                    </m:sSub>
                    <m:r>
                      <a:rPr lang="en-GB" sz="2400" b="0" i="1" smtClean="0">
                        <a:latin typeface="Cambria Math"/>
                        <a:sym typeface="Symbol"/>
                      </a:rPr>
                      <m:t>=</m:t>
                    </m:r>
                    <m:sSup>
                      <m:sSupPr>
                        <m:ctrlPr>
                          <a:rPr lang="en-GB" sz="2400" b="0" i="1" smtClean="0">
                            <a:latin typeface="Cambria Math" panose="02040503050406030204" pitchFamily="18" charset="0"/>
                            <a:sym typeface="Symbol"/>
                          </a:rPr>
                        </m:ctrlPr>
                      </m:sSupPr>
                      <m:e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𝜃</m:t>
                        </m:r>
                      </m:e>
                      <m:sup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∗</m:t>
                        </m:r>
                      </m:sup>
                    </m:sSup>
                  </m:oMath>
                </a14:m>
                <a:endParaRPr lang="en-GB" sz="2400" dirty="0">
                  <a:sym typeface="Symbol"/>
                </a:endParaRP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2400" b="0" i="1" smtClean="0">
                            <a:latin typeface="Cambria Math" panose="02040503050406030204" pitchFamily="18" charset="0"/>
                            <a:sym typeface="Symbol"/>
                          </a:rPr>
                        </m:ctrlPr>
                      </m:sSubPr>
                      <m:e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𝑄</m:t>
                        </m:r>
                      </m:e>
                      <m:sub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𝑔𝑒𝑛</m:t>
                        </m:r>
                      </m:sub>
                    </m:sSub>
                    <m:r>
                      <a:rPr lang="en-GB" sz="2400" b="0" i="1" smtClean="0">
                        <a:latin typeface="Cambria Math"/>
                        <a:sym typeface="Symbol"/>
                      </a:rPr>
                      <m:t>=</m:t>
                    </m:r>
                    <m:sSup>
                      <m:sSupPr>
                        <m:ctrlPr>
                          <a:rPr lang="en-GB" sz="2400" b="0" i="1" smtClean="0">
                            <a:latin typeface="Cambria Math" panose="02040503050406030204" pitchFamily="18" charset="0"/>
                            <a:sym typeface="Symbol"/>
                          </a:rPr>
                        </m:ctrlPr>
                      </m:sSupPr>
                      <m:e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𝑄</m:t>
                        </m:r>
                      </m:e>
                      <m:sup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∗</m:t>
                        </m:r>
                      </m:sup>
                    </m:sSup>
                  </m:oMath>
                </a14:m>
                <a:r>
                  <a:rPr lang="en-GB" sz="2400" dirty="0">
                    <a:sym typeface="Symbol"/>
                  </a:rPr>
                  <a:t> </a:t>
                </a:r>
                <a:endParaRPr lang="en-GB" sz="2400" dirty="0"/>
              </a:p>
            </p:txBody>
          </p:sp>
        </mc:Choice>
        <mc:Fallback xmlns="">
          <p:sp>
            <p:nvSpPr>
              <p:cNvPr id="14" name="Tekstboks 17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22598" y="4960234"/>
                <a:ext cx="2342308" cy="1657633"/>
              </a:xfrm>
              <a:prstGeom prst="rect">
                <a:avLst/>
              </a:prstGeom>
              <a:blipFill>
                <a:blip r:embed="rId3"/>
                <a:stretch>
                  <a:fillRect l="-3906" t="-2941" r="-3385" b="-441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kstboks 19"/>
              <p:cNvSpPr txBox="1"/>
              <p:nvPr/>
            </p:nvSpPr>
            <p:spPr>
              <a:xfrm>
                <a:off x="7551596" y="4950295"/>
                <a:ext cx="3244734" cy="1657633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en-GB" sz="2400" b="1" dirty="0"/>
                  <a:t>Now (CL):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2400" b="0" i="1" smtClean="0">
                            <a:latin typeface="Cambria Math" panose="02040503050406030204" pitchFamily="18" charset="0"/>
                            <a:sym typeface="Symbol"/>
                          </a:rPr>
                        </m:ctrlPr>
                      </m:sSubPr>
                      <m:e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𝜃</m:t>
                        </m:r>
                      </m:e>
                      <m:sub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𝑝𝑖𝑡𝑐h</m:t>
                        </m:r>
                      </m:sub>
                    </m:sSub>
                    <m:r>
                      <a:rPr lang="en-GB" sz="2400" b="0" i="1" smtClean="0">
                        <a:latin typeface="Cambria Math"/>
                        <a:sym typeface="Symbol"/>
                      </a:rPr>
                      <m:t>=</m:t>
                    </m:r>
                    <m:r>
                      <a:rPr lang="en-GB" sz="2400" b="0" i="1" smtClean="0">
                        <a:latin typeface="Cambria Math"/>
                        <a:sym typeface="Symbol"/>
                      </a:rPr>
                      <m:t>𝑓</m:t>
                    </m:r>
                    <m:r>
                      <a:rPr lang="en-GB" sz="2400" b="0" i="1" smtClean="0">
                        <a:latin typeface="Cambria Math"/>
                        <a:sym typeface="Symbol"/>
                      </a:rPr>
                      <m:t>(</m:t>
                    </m:r>
                    <m:r>
                      <a:rPr lang="en-GB" sz="2400" b="0" i="1" smtClean="0">
                        <a:latin typeface="Cambria Math"/>
                        <a:sym typeface="Symbol"/>
                      </a:rPr>
                      <m:t>𝑂𝑢𝑡𝑝𝑢𝑡𝑠</m:t>
                    </m:r>
                    <m:r>
                      <a:rPr lang="en-GB" sz="2400" b="0" i="1" smtClean="0">
                        <a:latin typeface="Cambria Math"/>
                        <a:sym typeface="Symbol"/>
                      </a:rPr>
                      <m:t>)</m:t>
                    </m:r>
                  </m:oMath>
                </a14:m>
                <a:endParaRPr lang="en-GB" sz="2400" dirty="0">
                  <a:sym typeface="Symbol"/>
                </a:endParaRP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2400" b="0" i="1" smtClean="0">
                            <a:latin typeface="Cambria Math" panose="02040503050406030204" pitchFamily="18" charset="0"/>
                            <a:sym typeface="Symbol"/>
                          </a:rPr>
                        </m:ctrlPr>
                      </m:sSubPr>
                      <m:e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𝑄</m:t>
                        </m:r>
                      </m:e>
                      <m:sub>
                        <m:r>
                          <a:rPr lang="en-GB" sz="2400" b="0" i="1" smtClean="0">
                            <a:latin typeface="Cambria Math"/>
                            <a:sym typeface="Symbol"/>
                          </a:rPr>
                          <m:t>𝑔𝑒𝑛</m:t>
                        </m:r>
                      </m:sub>
                    </m:sSub>
                    <m:r>
                      <a:rPr lang="en-GB" sz="2400" b="0" i="1" smtClean="0">
                        <a:latin typeface="Cambria Math"/>
                        <a:sym typeface="Symbol"/>
                      </a:rPr>
                      <m:t>=</m:t>
                    </m:r>
                    <m:r>
                      <a:rPr lang="en-GB" sz="2400" b="0" i="1" smtClean="0">
                        <a:latin typeface="Cambria Math"/>
                        <a:sym typeface="Symbol"/>
                      </a:rPr>
                      <m:t>𝑔</m:t>
                    </m:r>
                    <m:r>
                      <a:rPr lang="en-GB" sz="2400" b="0" i="1" smtClean="0">
                        <a:latin typeface="Cambria Math"/>
                        <a:sym typeface="Symbol"/>
                      </a:rPr>
                      <m:t>(</m:t>
                    </m:r>
                    <m:r>
                      <a:rPr lang="en-GB" sz="2400" b="0" i="1" smtClean="0">
                        <a:latin typeface="Cambria Math"/>
                        <a:sym typeface="Symbol"/>
                      </a:rPr>
                      <m:t>𝑂𝑢𝑡𝑝𝑢𝑡𝑠</m:t>
                    </m:r>
                    <m:r>
                      <a:rPr lang="en-GB" sz="2400" b="0" i="1" smtClean="0">
                        <a:latin typeface="Cambria Math"/>
                        <a:sym typeface="Symbol"/>
                      </a:rPr>
                      <m:t>)</m:t>
                    </m:r>
                  </m:oMath>
                </a14:m>
                <a:endParaRPr lang="en-GB" sz="2400" dirty="0"/>
              </a:p>
            </p:txBody>
          </p:sp>
        </mc:Choice>
        <mc:Fallback xmlns="">
          <p:sp>
            <p:nvSpPr>
              <p:cNvPr id="15" name="Tekstboks 19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551596" y="4950295"/>
                <a:ext cx="3244734" cy="1657633"/>
              </a:xfrm>
              <a:prstGeom prst="rect">
                <a:avLst/>
              </a:prstGeom>
              <a:blipFill>
                <a:blip r:embed="rId4"/>
                <a:stretch>
                  <a:fillRect l="-3008" t="-2941" r="-564" b="-441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6" name="Vinklet forbindelse 24"/>
          <p:cNvCxnSpPr>
            <a:stCxn id="10" idx="1"/>
            <a:endCxn id="14" idx="1"/>
          </p:cNvCxnSpPr>
          <p:nvPr/>
        </p:nvCxnSpPr>
        <p:spPr bwMode="auto">
          <a:xfrm rot="10800000" flipV="1">
            <a:off x="622598" y="2507755"/>
            <a:ext cx="2486050" cy="3281295"/>
          </a:xfrm>
          <a:prstGeom prst="bentConnector3">
            <a:avLst>
              <a:gd name="adj1" fmla="val 109195"/>
            </a:avLst>
          </a:prstGeom>
          <a:ln w="38100">
            <a:solidFill>
              <a:schemeClr val="accent6"/>
            </a:solidFill>
            <a:headEnd type="none" w="med" len="med"/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7" name="Vinklet forbindelse 25"/>
          <p:cNvCxnSpPr>
            <a:stCxn id="10" idx="1"/>
            <a:endCxn id="15" idx="1"/>
          </p:cNvCxnSpPr>
          <p:nvPr/>
        </p:nvCxnSpPr>
        <p:spPr bwMode="auto">
          <a:xfrm rot="10800000" flipH="1" flipV="1">
            <a:off x="3108648" y="2507756"/>
            <a:ext cx="4442948" cy="3271356"/>
          </a:xfrm>
          <a:prstGeom prst="bentConnector3">
            <a:avLst>
              <a:gd name="adj1" fmla="val -5145"/>
            </a:avLst>
          </a:prstGeom>
          <a:ln w="38100">
            <a:solidFill>
              <a:schemeClr val="accent6"/>
            </a:solidFill>
            <a:headEnd type="none" w="med" len="med"/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pic>
        <p:nvPicPr>
          <p:cNvPr id="18" name="Picture 2" descr="C:\Users\rink\Documents\teaching\2018_01_aerodynamics_and_aeroelasticity\controls_module\figures\part_1b_rotspeed.png"/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229" r="4956"/>
          <a:stretch/>
        </p:blipFill>
        <p:spPr bwMode="auto">
          <a:xfrm>
            <a:off x="8138405" y="2814853"/>
            <a:ext cx="4044547" cy="21453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19" name="Group 18"/>
          <p:cNvGrpSpPr/>
          <p:nvPr/>
        </p:nvGrpSpPr>
        <p:grpSpPr>
          <a:xfrm>
            <a:off x="10419466" y="2980401"/>
            <a:ext cx="1417894" cy="1699587"/>
            <a:chOff x="10419466" y="2980401"/>
            <a:chExt cx="1417894" cy="1699587"/>
          </a:xfrm>
        </p:grpSpPr>
        <p:sp>
          <p:nvSpPr>
            <p:cNvPr id="20" name="TextBox 5"/>
            <p:cNvSpPr txBox="1"/>
            <p:nvPr/>
          </p:nvSpPr>
          <p:spPr>
            <a:xfrm>
              <a:off x="10419466" y="3625916"/>
              <a:ext cx="996659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r"/>
              <a:r>
                <a:rPr lang="en-GB" sz="1800" b="1" dirty="0"/>
                <a:t>error</a:t>
              </a:r>
            </a:p>
          </p:txBody>
        </p:sp>
        <p:sp>
          <p:nvSpPr>
            <p:cNvPr id="21" name="Right Brace 4"/>
            <p:cNvSpPr/>
            <p:nvPr/>
          </p:nvSpPr>
          <p:spPr bwMode="auto">
            <a:xfrm flipH="1">
              <a:off x="11487593" y="2980401"/>
              <a:ext cx="349767" cy="1699587"/>
            </a:xfrm>
            <a:prstGeom prst="rightBrace">
              <a:avLst/>
            </a:prstGeom>
            <a:noFill/>
            <a:ln w="381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3629819" y="2622280"/>
            <a:ext cx="3897164" cy="2832236"/>
            <a:chOff x="3629819" y="2622280"/>
            <a:chExt cx="3897164" cy="2832236"/>
          </a:xfrm>
        </p:grpSpPr>
        <p:sp>
          <p:nvSpPr>
            <p:cNvPr id="23" name="Rectangle 22"/>
            <p:cNvSpPr/>
            <p:nvPr/>
          </p:nvSpPr>
          <p:spPr bwMode="auto">
            <a:xfrm>
              <a:off x="4382683" y="4006201"/>
              <a:ext cx="1288466" cy="631574"/>
            </a:xfrm>
            <a:prstGeom prst="rect">
              <a:avLst/>
            </a:prstGeom>
            <a:solidFill>
              <a:schemeClr val="accent6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914309"/>
              <a:r>
                <a:rPr lang="en-GB" sz="2500" b="1" dirty="0"/>
                <a:t>C</a:t>
              </a:r>
            </a:p>
          </p:txBody>
        </p:sp>
        <p:cxnSp>
          <p:nvCxnSpPr>
            <p:cNvPr id="24" name="Elbow Connector 23"/>
            <p:cNvCxnSpPr>
              <a:stCxn id="11" idx="2"/>
              <a:endCxn id="26" idx="6"/>
            </p:cNvCxnSpPr>
            <p:nvPr/>
          </p:nvCxnSpPr>
          <p:spPr bwMode="auto">
            <a:xfrm rot="5400000">
              <a:off x="6244151" y="3041989"/>
              <a:ext cx="1702542" cy="863123"/>
            </a:xfrm>
            <a:prstGeom prst="bentConnector2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Elbow Connector 24"/>
            <p:cNvCxnSpPr>
              <a:stCxn id="23" idx="1"/>
              <a:endCxn id="10" idx="2"/>
            </p:cNvCxnSpPr>
            <p:nvPr/>
          </p:nvCxnSpPr>
          <p:spPr bwMode="auto">
            <a:xfrm rot="10800000">
              <a:off x="3629819" y="2692422"/>
              <a:ext cx="752864" cy="1629566"/>
            </a:xfrm>
            <a:prstGeom prst="bentConnector2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6" name="Flowchart: Connector 25"/>
            <p:cNvSpPr/>
            <p:nvPr/>
          </p:nvSpPr>
          <p:spPr bwMode="auto">
            <a:xfrm>
              <a:off x="6423673" y="4194700"/>
              <a:ext cx="240187" cy="260242"/>
            </a:xfrm>
            <a:prstGeom prst="flowChartConnector">
              <a:avLst/>
            </a:prstGeom>
            <a:solidFill>
              <a:schemeClr val="accent6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cxnSp>
          <p:nvCxnSpPr>
            <p:cNvPr id="27" name="Elbow Connector 26"/>
            <p:cNvCxnSpPr>
              <a:stCxn id="26" idx="2"/>
              <a:endCxn id="23" idx="3"/>
            </p:cNvCxnSpPr>
            <p:nvPr/>
          </p:nvCxnSpPr>
          <p:spPr bwMode="auto">
            <a:xfrm rot="10800000">
              <a:off x="5671149" y="4321989"/>
              <a:ext cx="752524" cy="2833"/>
            </a:xfrm>
            <a:prstGeom prst="bentConnector3">
              <a:avLst>
                <a:gd name="adj1" fmla="val 50000"/>
              </a:avLst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Elbow Connector 27"/>
            <p:cNvCxnSpPr>
              <a:endCxn id="26" idx="4"/>
            </p:cNvCxnSpPr>
            <p:nvPr/>
          </p:nvCxnSpPr>
          <p:spPr bwMode="auto">
            <a:xfrm rot="5400000" flipH="1" flipV="1">
              <a:off x="6240539" y="4758170"/>
              <a:ext cx="606455" cy="1"/>
            </a:xfrm>
            <a:prstGeom prst="bentConnector3">
              <a:avLst>
                <a:gd name="adj1" fmla="val 50000"/>
              </a:avLst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9" name="TextBox 28"/>
            <p:cNvSpPr txBox="1"/>
            <p:nvPr/>
          </p:nvSpPr>
          <p:spPr>
            <a:xfrm>
              <a:off x="5891458" y="5085184"/>
              <a:ext cx="1283868" cy="369332"/>
            </a:xfrm>
            <a:prstGeom prst="rect">
              <a:avLst/>
            </a:prstGeom>
            <a:solidFill>
              <a:schemeClr val="accent4">
                <a:lumMod val="25000"/>
                <a:lumOff val="75000"/>
              </a:schemeClr>
            </a:solidFill>
          </p:spPr>
          <p:txBody>
            <a:bodyPr wrap="square" rtlCol="0">
              <a:spAutoFit/>
            </a:bodyPr>
            <a:lstStyle/>
            <a:p>
              <a:r>
                <a:rPr lang="en-GB" sz="1800" dirty="0">
                  <a:effectLst>
                    <a:outerShdw blurRad="38100" dist="38100" dir="2700000" algn="tl">
                      <a:srgbClr val="000000">
                        <a:alpha val="43137"/>
                      </a:srgbClr>
                    </a:outerShdw>
                  </a:effectLst>
                </a:rPr>
                <a:t>Set Point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7184845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2" presetClass="entr" presetSubtype="2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25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6" fill="hold">
                      <p:stCondLst>
                        <p:cond delay="indefinite"/>
                      </p:stCondLst>
                      <p:childTnLst>
                        <p:par>
                          <p:cTn id="27" fill="hold">
                            <p:stCondLst>
                              <p:cond delay="0"/>
                            </p:stCondLst>
                            <p:childTnLst>
                              <p:par>
                                <p:cTn id="28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/>
      <p:bldP spid="15" grpId="0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766614" y="89756"/>
            <a:ext cx="10563358" cy="1143000"/>
          </a:xfrm>
        </p:spPr>
        <p:txBody>
          <a:bodyPr/>
          <a:lstStyle/>
          <a:p>
            <a:r>
              <a:rPr lang="en-GB" dirty="0"/>
              <a:t>Let’s consider Region 3 control for now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8" name="Tekstboks 6"/>
              <p:cNvSpPr txBox="1"/>
              <p:nvPr/>
            </p:nvSpPr>
            <p:spPr>
              <a:xfrm>
                <a:off x="6815286" y="3068960"/>
                <a:ext cx="3329373" cy="1495153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marL="285750" indent="-285750">
                  <a:spcBef>
                    <a:spcPts val="3600"/>
                  </a:spcBef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28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2800" b="1" i="1" smtClean="0">
                            <a:latin typeface="Cambria Math"/>
                          </a:rPr>
                          <m:t>𝑸</m:t>
                        </m:r>
                      </m:e>
                      <m:sub>
                        <m:r>
                          <a:rPr lang="en-GB" sz="2800" b="1" i="1" smtClean="0">
                            <a:latin typeface="Cambria Math"/>
                          </a:rPr>
                          <m:t>𝒈</m:t>
                        </m:r>
                      </m:sub>
                    </m:sSub>
                    <m:r>
                      <a:rPr lang="en-GB" sz="2800" b="1" i="1" smtClean="0">
                        <a:latin typeface="Cambria Math"/>
                      </a:rPr>
                      <m:t>=</m:t>
                    </m:r>
                    <m:sSub>
                      <m:sSubPr>
                        <m:ctrlPr>
                          <a:rPr lang="en-GB" sz="28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2800" b="1" i="1" smtClean="0">
                            <a:latin typeface="Cambria Math"/>
                          </a:rPr>
                          <m:t>𝑷</m:t>
                        </m:r>
                      </m:e>
                      <m:sub>
                        <m:r>
                          <a:rPr lang="en-GB" sz="2800" b="1" i="1" smtClean="0">
                            <a:latin typeface="Cambria Math"/>
                          </a:rPr>
                          <m:t>𝒓𝒂𝒕𝒆𝒅</m:t>
                        </m:r>
                      </m:sub>
                    </m:sSub>
                    <m:r>
                      <a:rPr lang="en-GB" sz="2800" b="1" i="1" smtClean="0">
                        <a:latin typeface="Cambria Math"/>
                      </a:rPr>
                      <m:t>/</m:t>
                    </m:r>
                    <m:r>
                      <a:rPr lang="en-GB" sz="2800" b="1" i="1" smtClean="0">
                        <a:latin typeface="Cambria Math"/>
                      </a:rPr>
                      <m:t>𝝎</m:t>
                    </m:r>
                  </m:oMath>
                </a14:m>
                <a:endParaRPr lang="en-GB" sz="2800" b="1" dirty="0"/>
              </a:p>
              <a:p>
                <a:pPr marL="285750" indent="-285750">
                  <a:spcBef>
                    <a:spcPts val="3600"/>
                  </a:spcBef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28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2800" b="1" i="1" smtClean="0">
                            <a:latin typeface="Cambria Math"/>
                          </a:rPr>
                          <m:t>𝜽</m:t>
                        </m:r>
                      </m:e>
                      <m:sub>
                        <m:r>
                          <a:rPr lang="en-GB" sz="2800" b="1" i="1" smtClean="0">
                            <a:latin typeface="Cambria Math"/>
                          </a:rPr>
                          <m:t>𝒑𝒊𝒕𝒄𝒉</m:t>
                        </m:r>
                      </m:sub>
                    </m:sSub>
                    <m:r>
                      <a:rPr lang="en-GB" sz="2800" b="1" i="1" smtClean="0">
                        <a:latin typeface="Cambria Math"/>
                      </a:rPr>
                      <m:t>=</m:t>
                    </m:r>
                    <m:r>
                      <a:rPr lang="en-GB" sz="2800" b="1" i="1" smtClean="0">
                        <a:latin typeface="Cambria Math"/>
                      </a:rPr>
                      <m:t>𝒇</m:t>
                    </m:r>
                    <m:r>
                      <a:rPr lang="en-GB" sz="2800" b="1" i="1" smtClean="0">
                        <a:latin typeface="Cambria Math"/>
                      </a:rPr>
                      <m:t>(</m:t>
                    </m:r>
                    <m:r>
                      <a:rPr lang="en-GB" sz="2800" b="1" i="1" smtClean="0">
                        <a:latin typeface="Cambria Math"/>
                      </a:rPr>
                      <m:t>𝒆𝒓𝒓𝒐𝒓</m:t>
                    </m:r>
                    <m:r>
                      <a:rPr lang="en-GB" sz="2800" b="1" i="1" smtClean="0">
                        <a:latin typeface="Cambria Math"/>
                      </a:rPr>
                      <m:t>)</m:t>
                    </m:r>
                  </m:oMath>
                </a14:m>
                <a:endParaRPr lang="en-GB" sz="2800" b="1" dirty="0"/>
              </a:p>
            </p:txBody>
          </p:sp>
        </mc:Choice>
        <mc:Fallback xmlns="">
          <p:sp>
            <p:nvSpPr>
              <p:cNvPr id="8" name="Tekstboks 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815286" y="3068960"/>
                <a:ext cx="3329373" cy="1495153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9" name="Rektangel 7"/>
          <p:cNvSpPr/>
          <p:nvPr/>
        </p:nvSpPr>
        <p:spPr>
          <a:xfrm>
            <a:off x="8479972" y="1916832"/>
            <a:ext cx="2567847" cy="707886"/>
          </a:xfrm>
          <a:prstGeom prst="rect">
            <a:avLst/>
          </a:prstGeom>
          <a:solidFill>
            <a:schemeClr val="accent6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000" dirty="0">
                <a:latin typeface="Arial Rounded MT Bold" panose="020F0704030504030204" pitchFamily="34" charset="0"/>
              </a:rPr>
              <a:t>Ensures correct power</a:t>
            </a:r>
          </a:p>
        </p:txBody>
      </p:sp>
      <p:sp>
        <p:nvSpPr>
          <p:cNvPr id="10" name="Rektangel 8"/>
          <p:cNvSpPr/>
          <p:nvPr/>
        </p:nvSpPr>
        <p:spPr>
          <a:xfrm>
            <a:off x="8687495" y="5285239"/>
            <a:ext cx="2232248" cy="707886"/>
          </a:xfrm>
          <a:prstGeom prst="rect">
            <a:avLst/>
          </a:prstGeom>
          <a:solidFill>
            <a:schemeClr val="accent6"/>
          </a:solidFill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000" dirty="0">
                <a:latin typeface="Arial Rounded MT Bold" panose="020F0704030504030204" pitchFamily="34" charset="0"/>
              </a:rPr>
              <a:t>Controller! (Need to define)</a:t>
            </a:r>
          </a:p>
        </p:txBody>
      </p:sp>
      <p:cxnSp>
        <p:nvCxnSpPr>
          <p:cNvPr id="11" name="Straight Arrow Connector 28"/>
          <p:cNvCxnSpPr>
            <a:stCxn id="9" idx="2"/>
          </p:cNvCxnSpPr>
          <p:nvPr/>
        </p:nvCxnSpPr>
        <p:spPr bwMode="auto">
          <a:xfrm flipH="1">
            <a:off x="8687495" y="2624718"/>
            <a:ext cx="1076401" cy="588258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accent1"/>
            </a:solidFill>
            <a:prstDash val="solid"/>
            <a:round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Arrow Connector 28"/>
          <p:cNvCxnSpPr>
            <a:stCxn id="10" idx="0"/>
          </p:cNvCxnSpPr>
          <p:nvPr/>
        </p:nvCxnSpPr>
        <p:spPr bwMode="auto">
          <a:xfrm flipH="1" flipV="1">
            <a:off x="8615486" y="4460922"/>
            <a:ext cx="1188133" cy="824317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accent6"/>
            </a:solidFill>
            <a:prstDash val="solid"/>
            <a:round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4" name="Picture 2"/>
          <p:cNvPicPr>
            <a:picLocks noGrp="1" noChangeAspect="1" noChangeArrowheads="1"/>
          </p:cNvPicPr>
          <p:nvPr>
            <p:ph idx="1"/>
          </p:nvPr>
        </p:nvPicPr>
        <p:blipFill>
          <a:blip r:embed="rId3" cstate="print"/>
          <a:srcRect/>
          <a:stretch>
            <a:fillRect/>
          </a:stretch>
        </p:blipFill>
        <p:spPr bwMode="auto">
          <a:xfrm>
            <a:off x="332096" y="1412776"/>
            <a:ext cx="6496857" cy="441729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</p:pic>
      <p:sp>
        <p:nvSpPr>
          <p:cNvPr id="15" name="Rectangle 14"/>
          <p:cNvSpPr/>
          <p:nvPr/>
        </p:nvSpPr>
        <p:spPr bwMode="auto">
          <a:xfrm>
            <a:off x="3445152" y="1772816"/>
            <a:ext cx="2765174" cy="3392650"/>
          </a:xfrm>
          <a:prstGeom prst="rect">
            <a:avLst/>
          </a:prstGeom>
          <a:solidFill>
            <a:srgbClr val="00B050">
              <a:alpha val="14902"/>
            </a:srgbClr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r>
              <a:rPr lang="en-GB" sz="1800" dirty="0"/>
              <a:t> Region 3</a:t>
            </a:r>
            <a:endParaRPr lang="en-GB" dirty="0"/>
          </a:p>
        </p:txBody>
      </p:sp>
      <p:sp>
        <p:nvSpPr>
          <p:cNvPr id="16" name="Rektangel 9"/>
          <p:cNvSpPr/>
          <p:nvPr/>
        </p:nvSpPr>
        <p:spPr>
          <a:xfrm>
            <a:off x="4070594" y="3729868"/>
            <a:ext cx="1575722" cy="338554"/>
          </a:xfrm>
          <a:prstGeom prst="rect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b="1" dirty="0"/>
              <a:t>Above rated</a:t>
            </a:r>
          </a:p>
        </p:txBody>
      </p:sp>
    </p:spTree>
    <p:extLst>
      <p:ext uri="{BB962C8B-B14F-4D97-AF65-F5344CB8AC3E}">
        <p14:creationId xmlns:p14="http://schemas.microsoft.com/office/powerpoint/2010/main" val="15241917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5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838622" y="218839"/>
            <a:ext cx="7084379" cy="790390"/>
          </a:xfrm>
        </p:spPr>
        <p:txBody>
          <a:bodyPr/>
          <a:lstStyle/>
          <a:p>
            <a:r>
              <a:rPr lang="en-GB" dirty="0"/>
              <a:t>Proportional (P) controller: Part_2.m</a:t>
            </a:r>
          </a:p>
        </p:txBody>
      </p:sp>
      <p:sp>
        <p:nvSpPr>
          <p:cNvPr id="8" name="Rektangel 4"/>
          <p:cNvSpPr/>
          <p:nvPr/>
        </p:nvSpPr>
        <p:spPr bwMode="auto">
          <a:xfrm>
            <a:off x="475224" y="3610884"/>
            <a:ext cx="11239964" cy="2583748"/>
          </a:xfrm>
          <a:prstGeom prst="rect">
            <a:avLst/>
          </a:prstGeom>
          <a:solidFill>
            <a:schemeClr val="accent1"/>
          </a:solidFill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44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Proportional controller</a:t>
            </a:r>
            <a:endParaRPr kumimoji="0" lang="en-GB" sz="2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1800"/>
              </a:spcBef>
              <a:buFont typeface="+mj-lt"/>
              <a:buAutoNum type="arabicPeriod"/>
            </a:pPr>
            <a:r>
              <a:rPr kumimoji="0" lang="en-GB" sz="24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Open part_2.m</a:t>
            </a:r>
            <a:endParaRPr kumimoji="0" lang="en-GB" sz="2400" b="0" i="0" u="none" strike="noStrike" cap="none" normalizeH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GB" sz="2400" baseline="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hange the value for Kp3 so that the rotor speed and generated</a:t>
            </a:r>
            <a:r>
              <a:rPr lang="en-GB" sz="24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power converge to the desired outputs. 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GB" sz="24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hange the simulation to 400 seconds.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Rectangle 3"/>
              <p:cNvSpPr/>
              <p:nvPr/>
            </p:nvSpPr>
            <p:spPr bwMode="auto">
              <a:xfrm>
                <a:off x="863774" y="1243588"/>
                <a:ext cx="3733576" cy="705492"/>
              </a:xfrm>
              <a:prstGeom prst="rect">
                <a:avLst/>
              </a:prstGeom>
              <a:solidFill>
                <a:schemeClr val="accent6"/>
              </a:solidFill>
              <a:ln w="9525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ctr" anchorCtr="0" compatLnSpc="1">
                <a:prstTxWarp prst="textNoShape">
                  <a:avLst/>
                </a:prstTxWarp>
              </a:bodyPr>
              <a:lstStyle/>
              <a:p>
                <a:pPr algn="ctr" defTabSz="914309"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1" i="1" dirty="0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1" i="0" dirty="0" smtClean="0">
                              <a:latin typeface="Cambria Math"/>
                            </a:rPr>
                            <m:t>𝛉</m:t>
                          </m:r>
                        </m:e>
                        <m:sub>
                          <m:r>
                            <a:rPr lang="en-GB" b="1" i="0" dirty="0" smtClean="0">
                              <a:latin typeface="Cambria Math"/>
                            </a:rPr>
                            <m:t>𝐩</m:t>
                          </m:r>
                        </m:sub>
                      </m:sSub>
                      <m:r>
                        <a:rPr lang="en-GB" b="1" i="0" dirty="0" smtClean="0">
                          <a:latin typeface="Cambria Math"/>
                        </a:rPr>
                        <m:t>=</m:t>
                      </m:r>
                      <m:sSubSup>
                        <m:sSubSupPr>
                          <m:ctrlPr>
                            <a:rPr lang="en-GB" b="1" i="1" dirty="0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GB" b="1" i="0" dirty="0" smtClean="0">
                              <a:latin typeface="Cambria Math"/>
                            </a:rPr>
                            <m:t>𝛉</m:t>
                          </m:r>
                        </m:e>
                        <m:sub>
                          <m:r>
                            <a:rPr lang="en-GB" b="1" i="0" dirty="0" smtClean="0">
                              <a:latin typeface="Cambria Math"/>
                            </a:rPr>
                            <m:t>𝐩</m:t>
                          </m:r>
                        </m:sub>
                        <m:sup>
                          <m:r>
                            <a:rPr lang="en-GB" b="1" i="0" dirty="0" smtClean="0">
                              <a:latin typeface="Cambria Math"/>
                            </a:rPr>
                            <m:t>∗</m:t>
                          </m:r>
                        </m:sup>
                      </m:sSubSup>
                      <m:r>
                        <a:rPr lang="en-GB" b="1" i="0" dirty="0" smtClean="0">
                          <a:latin typeface="Cambria Math"/>
                        </a:rPr>
                        <m:t>+</m:t>
                      </m:r>
                      <m:r>
                        <a:rPr lang="en-GB" b="1" i="0" dirty="0" smtClean="0">
                          <a:latin typeface="Cambria Math"/>
                        </a:rPr>
                        <m:t>𝐊𝐩</m:t>
                      </m:r>
                      <m:r>
                        <a:rPr lang="en-GB" b="1" i="0" dirty="0" smtClean="0">
                          <a:latin typeface="Cambria Math"/>
                        </a:rPr>
                        <m:t>∗</m:t>
                      </m:r>
                      <m:r>
                        <a:rPr lang="en-GB" b="1" i="0" dirty="0" smtClean="0">
                          <a:latin typeface="Cambria Math"/>
                        </a:rPr>
                        <m:t>𝐞𝐫𝐫𝐨𝐫</m:t>
                      </m:r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10" name="Rectangle 3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863774" y="1243588"/>
                <a:ext cx="3733576" cy="705492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  <a:ln w="9525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11" name="Group 10"/>
          <p:cNvGrpSpPr/>
          <p:nvPr/>
        </p:nvGrpSpPr>
        <p:grpSpPr>
          <a:xfrm>
            <a:off x="682303" y="2303677"/>
            <a:ext cx="5048250" cy="1151339"/>
            <a:chOff x="1774726" y="3211262"/>
            <a:chExt cx="5048250" cy="1151339"/>
          </a:xfrm>
        </p:grpSpPr>
        <p:pic>
          <p:nvPicPr>
            <p:cNvPr id="12" name="Picture 11"/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1774726" y="3638701"/>
              <a:ext cx="5048250" cy="723900"/>
            </a:xfrm>
            <a:prstGeom prst="rect">
              <a:avLst/>
            </a:prstGeom>
          </p:spPr>
        </p:pic>
        <p:sp>
          <p:nvSpPr>
            <p:cNvPr id="13" name="Rektangel 41"/>
            <p:cNvSpPr/>
            <p:nvPr/>
          </p:nvSpPr>
          <p:spPr>
            <a:xfrm>
              <a:off x="1774726" y="3211262"/>
              <a:ext cx="2316655" cy="400110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>
              <a:spAutoFit/>
            </a:bodyPr>
            <a:lstStyle/>
            <a:p>
              <a:pPr>
                <a:spcBef>
                  <a:spcPts val="0"/>
                </a:spcBef>
              </a:pPr>
              <a:r>
                <a:rPr lang="en-GB" sz="2000" b="1" dirty="0">
                  <a:latin typeface="Arial Rounded MT Bold" panose="020F0704030504030204" pitchFamily="34" charset="0"/>
                </a:rPr>
                <a:t>Desired Outputs</a:t>
              </a:r>
              <a:endParaRPr lang="en-GB" sz="2000" dirty="0">
                <a:latin typeface="Arial Rounded MT Bold" panose="020F0704030504030204" pitchFamily="34" charset="0"/>
              </a:endParaRPr>
            </a:p>
          </p:txBody>
        </p:sp>
      </p:grpSp>
      <p:pic>
        <p:nvPicPr>
          <p:cNvPr id="3" name="Picture 2" descr="Text&#10;&#10;Description automatically generated">
            <a:extLst>
              <a:ext uri="{FF2B5EF4-FFF2-40B4-BE49-F238E27FC236}">
                <a16:creationId xmlns:a16="http://schemas.microsoft.com/office/drawing/2014/main" id="{F6A98CF7-0215-4377-B8EF-C1ED4FCC01F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66938" y="1116922"/>
            <a:ext cx="5048250" cy="2384086"/>
          </a:xfrm>
          <a:prstGeom prst="rect">
            <a:avLst/>
          </a:prstGeom>
        </p:spPr>
      </p:pic>
      <p:sp>
        <p:nvSpPr>
          <p:cNvPr id="14" name="Oval 13">
            <a:extLst>
              <a:ext uri="{FF2B5EF4-FFF2-40B4-BE49-F238E27FC236}">
                <a16:creationId xmlns:a16="http://schemas.microsoft.com/office/drawing/2014/main" id="{F638C8EE-221C-43BD-90B8-3C1C2F9C287C}"/>
              </a:ext>
            </a:extLst>
          </p:cNvPr>
          <p:cNvSpPr/>
          <p:nvPr/>
        </p:nvSpPr>
        <p:spPr bwMode="auto">
          <a:xfrm>
            <a:off x="7895406" y="2852936"/>
            <a:ext cx="360039" cy="288032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C6007BC9-89F7-44F5-AF07-EB24AC4F32B3}"/>
              </a:ext>
            </a:extLst>
          </p:cNvPr>
          <p:cNvSpPr/>
          <p:nvPr/>
        </p:nvSpPr>
        <p:spPr bwMode="auto">
          <a:xfrm>
            <a:off x="7594711" y="1165097"/>
            <a:ext cx="360039" cy="288032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941979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892875" y="186716"/>
            <a:ext cx="7176060" cy="763345"/>
          </a:xfrm>
        </p:spPr>
        <p:txBody>
          <a:bodyPr/>
          <a:lstStyle/>
          <a:p>
            <a:r>
              <a:rPr lang="en-GB" dirty="0"/>
              <a:t>Proportional (P) controller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idx="1"/>
          </p:nvPr>
        </p:nvSpPr>
        <p:spPr>
          <a:xfrm>
            <a:off x="910561" y="1204644"/>
            <a:ext cx="10943791" cy="388589"/>
          </a:xfrm>
        </p:spPr>
        <p:txBody>
          <a:bodyPr/>
          <a:lstStyle/>
          <a:p>
            <a:r>
              <a:rPr lang="en-GB" sz="2666" dirty="0" err="1"/>
              <a:t>Kp</a:t>
            </a:r>
            <a:r>
              <a:rPr lang="en-GB" sz="2666" dirty="0"/>
              <a:t> alone cannot make the rotor speed to converge</a:t>
            </a:r>
          </a:p>
          <a:p>
            <a:endParaRPr lang="en-GB" sz="2666" dirty="0"/>
          </a:p>
        </p:txBody>
      </p:sp>
      <p:sp>
        <p:nvSpPr>
          <p:cNvPr id="10" name="Rektangel 9"/>
          <p:cNvSpPr/>
          <p:nvPr/>
        </p:nvSpPr>
        <p:spPr>
          <a:xfrm>
            <a:off x="8975526" y="3657218"/>
            <a:ext cx="2567847" cy="707886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000" dirty="0">
                <a:latin typeface="Arial Rounded MT Bold" panose="020F0704030504030204" pitchFamily="34" charset="0"/>
              </a:rPr>
              <a:t>Change in disturbance</a:t>
            </a:r>
          </a:p>
        </p:txBody>
      </p:sp>
      <p:sp>
        <p:nvSpPr>
          <p:cNvPr id="11" name="Rektangel 10"/>
          <p:cNvSpPr/>
          <p:nvPr/>
        </p:nvSpPr>
        <p:spPr>
          <a:xfrm>
            <a:off x="9143325" y="4543972"/>
            <a:ext cx="2232248" cy="1015663"/>
          </a:xfrm>
          <a:prstGeom prst="rect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000" dirty="0">
                <a:latin typeface="Arial Rounded MT Bold" panose="020F0704030504030204" pitchFamily="34" charset="0"/>
              </a:rPr>
              <a:t>“Offset error” </a:t>
            </a:r>
            <a:r>
              <a:rPr lang="en-GB" sz="2000" dirty="0">
                <a:latin typeface="Arial Rounded MT Bold" panose="020F0704030504030204" pitchFamily="34" charset="0"/>
                <a:sym typeface="Symbol"/>
              </a:rPr>
              <a:t> P-controller inadequate</a:t>
            </a:r>
            <a:r>
              <a:rPr lang="en-GB" sz="2000" dirty="0">
                <a:latin typeface="Arial Rounded MT Bold" panose="020F0704030504030204" pitchFamily="34" charset="0"/>
              </a:rPr>
              <a:t> </a:t>
            </a:r>
          </a:p>
        </p:txBody>
      </p:sp>
      <p:pic>
        <p:nvPicPr>
          <p:cNvPr id="12" name="Pladsholder til indhold 8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2409" t="50478"/>
          <a:stretch/>
        </p:blipFill>
        <p:spPr>
          <a:xfrm>
            <a:off x="7895406" y="1673910"/>
            <a:ext cx="4174240" cy="192233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87E6ABA6-95CC-4257-AA6D-E1D9FBE5623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1206" y="1847816"/>
            <a:ext cx="5982072" cy="44865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04378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1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5" name="Slide Number Placeholder 3"/>
          <p:cNvSpPr txBox="1">
            <a:spLocks/>
          </p:cNvSpPr>
          <p:nvPr/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8" name="Content Placeholder 2"/>
          <p:cNvSpPr txBox="1">
            <a:spLocks/>
          </p:cNvSpPr>
          <p:nvPr/>
        </p:nvSpPr>
        <p:spPr>
          <a:xfrm>
            <a:off x="583435" y="1059352"/>
            <a:ext cx="11327784" cy="5501682"/>
          </a:xfrm>
          <a:prstGeom prst="rect">
            <a:avLst/>
          </a:prstGeom>
        </p:spPr>
        <p:txBody>
          <a:bodyPr/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rgbClr val="000000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rgbClr val="000000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rgbClr val="000000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rgbClr val="000000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endParaRPr lang="en-GB" kern="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9" name="Rectangle 3"/>
              <p:cNvSpPr/>
              <p:nvPr/>
            </p:nvSpPr>
            <p:spPr bwMode="auto">
              <a:xfrm>
                <a:off x="705446" y="1427364"/>
                <a:ext cx="3733576" cy="705492"/>
              </a:xfrm>
              <a:prstGeom prst="rect">
                <a:avLst/>
              </a:prstGeom>
              <a:solidFill>
                <a:schemeClr val="accent6"/>
              </a:solidFill>
              <a:ln w="9525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ctr" anchorCtr="0" compatLnSpc="1">
                <a:prstTxWarp prst="textNoShape">
                  <a:avLst/>
                </a:prstTxWarp>
              </a:bodyPr>
              <a:lstStyle/>
              <a:p>
                <a:pPr algn="ctr" defTabSz="914309"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1" i="1" dirty="0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1" i="0" dirty="0" smtClean="0">
                              <a:latin typeface="Cambria Math"/>
                            </a:rPr>
                            <m:t>𝛉</m:t>
                          </m:r>
                        </m:e>
                        <m:sub>
                          <m:r>
                            <a:rPr lang="en-GB" b="1" i="0" dirty="0" smtClean="0">
                              <a:latin typeface="Cambria Math"/>
                            </a:rPr>
                            <m:t>𝐩</m:t>
                          </m:r>
                        </m:sub>
                      </m:sSub>
                      <m:r>
                        <a:rPr lang="en-GB" b="1" i="0" dirty="0" smtClean="0">
                          <a:latin typeface="Cambria Math"/>
                        </a:rPr>
                        <m:t>=</m:t>
                      </m:r>
                      <m:sSubSup>
                        <m:sSubSupPr>
                          <m:ctrlPr>
                            <a:rPr lang="en-GB" b="1" i="1" dirty="0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GB" b="1" i="0" dirty="0" smtClean="0">
                              <a:latin typeface="Cambria Math"/>
                            </a:rPr>
                            <m:t>𝛉</m:t>
                          </m:r>
                        </m:e>
                        <m:sub>
                          <m:r>
                            <a:rPr lang="en-GB" b="1" i="0" dirty="0" smtClean="0">
                              <a:latin typeface="Cambria Math"/>
                            </a:rPr>
                            <m:t>𝐩</m:t>
                          </m:r>
                        </m:sub>
                        <m:sup>
                          <m:r>
                            <a:rPr lang="en-GB" b="1" i="0" dirty="0" smtClean="0">
                              <a:latin typeface="Cambria Math"/>
                            </a:rPr>
                            <m:t>∗</m:t>
                          </m:r>
                        </m:sup>
                      </m:sSubSup>
                      <m:r>
                        <a:rPr lang="en-GB" b="1" i="0" dirty="0" smtClean="0">
                          <a:latin typeface="Cambria Math"/>
                        </a:rPr>
                        <m:t>+</m:t>
                      </m:r>
                      <m:r>
                        <a:rPr lang="en-GB" b="1" i="0" dirty="0" smtClean="0">
                          <a:latin typeface="Cambria Math"/>
                        </a:rPr>
                        <m:t>𝐊𝐩</m:t>
                      </m:r>
                      <m:r>
                        <a:rPr lang="en-GB" b="1" i="0" dirty="0" smtClean="0">
                          <a:latin typeface="Cambria Math"/>
                        </a:rPr>
                        <m:t>∗</m:t>
                      </m:r>
                      <m:r>
                        <a:rPr lang="en-GB" b="1" i="0" dirty="0" smtClean="0">
                          <a:latin typeface="Cambria Math"/>
                        </a:rPr>
                        <m:t>𝐞𝐫𝐫𝐨𝐫</m:t>
                      </m:r>
                      <m:r>
                        <a:rPr lang="en-GB" b="1" i="0" dirty="0">
                          <a:latin typeface="Cambria Math"/>
                        </a:rPr>
                        <m:t>+</m:t>
                      </m:r>
                      <m:r>
                        <a:rPr lang="en-GB" b="1" i="0" dirty="0">
                          <a:latin typeface="Cambria Math"/>
                        </a:rPr>
                        <m:t>𝐊𝐢</m:t>
                      </m:r>
                      <m:r>
                        <a:rPr lang="en-GB" b="1" i="0" dirty="0">
                          <a:latin typeface="Cambria Math"/>
                        </a:rPr>
                        <m:t>∫</m:t>
                      </m:r>
                      <m:r>
                        <a:rPr lang="en-GB" b="1" i="0" dirty="0">
                          <a:latin typeface="Cambria Math"/>
                        </a:rPr>
                        <m:t>𝐞𝐫𝐫𝐨𝐫</m:t>
                      </m:r>
                      <m:r>
                        <a:rPr lang="en-GB" b="1" i="0" dirty="0">
                          <a:latin typeface="Cambria Math"/>
                        </a:rPr>
                        <m:t> </m:t>
                      </m:r>
                      <m:r>
                        <a:rPr lang="en-GB" b="1" i="0" dirty="0">
                          <a:latin typeface="Cambria Math"/>
                        </a:rPr>
                        <m:t>𝐝𝐭</m:t>
                      </m:r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9" name="Rectangle 3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05446" y="1427364"/>
                <a:ext cx="3733576" cy="705492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  <a:ln w="9525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Title 1"/>
          <p:cNvSpPr txBox="1">
            <a:spLocks/>
          </p:cNvSpPr>
          <p:nvPr/>
        </p:nvSpPr>
        <p:spPr bwMode="auto">
          <a:xfrm>
            <a:off x="677271" y="213131"/>
            <a:ext cx="10361851" cy="6688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marL="0" indent="0">
              <a:buFontTx/>
              <a:buNone/>
            </a:pPr>
            <a:r>
              <a:rPr lang="en-GB" dirty="0"/>
              <a:t>Proportional-Integral (</a:t>
            </a:r>
            <a:r>
              <a:rPr lang="en-GB" kern="0" dirty="0"/>
              <a:t>PI) pitch controller: part_2.m</a:t>
            </a:r>
          </a:p>
        </p:txBody>
      </p:sp>
      <p:sp>
        <p:nvSpPr>
          <p:cNvPr id="15" name="Rektangel 4"/>
          <p:cNvSpPr/>
          <p:nvPr/>
        </p:nvSpPr>
        <p:spPr bwMode="auto">
          <a:xfrm>
            <a:off x="919133" y="3528391"/>
            <a:ext cx="10656388" cy="2393508"/>
          </a:xfrm>
          <a:prstGeom prst="rect">
            <a:avLst/>
          </a:prstGeom>
          <a:solidFill>
            <a:schemeClr val="accent1"/>
          </a:solidFill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PI controller</a:t>
            </a:r>
            <a:endParaRPr kumimoji="0" lang="en-GB" sz="2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kumimoji="0" lang="en-GB" sz="24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Open part_2.m</a:t>
            </a:r>
            <a:endParaRPr kumimoji="0" lang="en-GB" sz="2400" b="0" i="0" u="none" strike="noStrike" cap="none" normalizeH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GB" sz="2400" baseline="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hange the values for Kp3 and Ki3 so that the rotor speed and generated</a:t>
            </a:r>
            <a:r>
              <a:rPr lang="en-GB" sz="24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power converge to the desired outputs 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GB" sz="24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hange the simulation to 400 seconds. What do you see?</a:t>
            </a:r>
          </a:p>
        </p:txBody>
      </p:sp>
      <p:grpSp>
        <p:nvGrpSpPr>
          <p:cNvPr id="16" name="Group 15"/>
          <p:cNvGrpSpPr/>
          <p:nvPr/>
        </p:nvGrpSpPr>
        <p:grpSpPr>
          <a:xfrm>
            <a:off x="5735166" y="1212769"/>
            <a:ext cx="5048250" cy="1151339"/>
            <a:chOff x="1774726" y="3211262"/>
            <a:chExt cx="5048250" cy="1151339"/>
          </a:xfrm>
        </p:grpSpPr>
        <p:pic>
          <p:nvPicPr>
            <p:cNvPr id="17" name="Picture 16"/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1774726" y="3638701"/>
              <a:ext cx="5048250" cy="723900"/>
            </a:xfrm>
            <a:prstGeom prst="rect">
              <a:avLst/>
            </a:prstGeom>
          </p:spPr>
        </p:pic>
        <p:sp>
          <p:nvSpPr>
            <p:cNvPr id="18" name="Rektangel 41"/>
            <p:cNvSpPr/>
            <p:nvPr/>
          </p:nvSpPr>
          <p:spPr>
            <a:xfrm>
              <a:off x="1774726" y="3211262"/>
              <a:ext cx="2316655" cy="400110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>
              <a:spAutoFit/>
            </a:bodyPr>
            <a:lstStyle/>
            <a:p>
              <a:pPr>
                <a:spcBef>
                  <a:spcPts val="0"/>
                </a:spcBef>
              </a:pPr>
              <a:r>
                <a:rPr lang="en-GB" sz="2000" b="1" dirty="0">
                  <a:latin typeface="Arial Rounded MT Bold" panose="020F0704030504030204" pitchFamily="34" charset="0"/>
                </a:rPr>
                <a:t>Desired Outputs</a:t>
              </a:r>
              <a:endParaRPr lang="en-GB" sz="2000" dirty="0">
                <a:latin typeface="Arial Rounded MT Bold" panose="020F070403050403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80028973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132856"/>
            <a:ext cx="11738634" cy="2706458"/>
          </a:xfrm>
        </p:spPr>
        <p:txBody>
          <a:bodyPr/>
          <a:lstStyle/>
          <a:p>
            <a:r>
              <a:rPr lang="en-GB" b="0" dirty="0"/>
              <a:t>Wind turbine control basics 	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1228" y="332656"/>
            <a:ext cx="10840028" cy="1660654"/>
          </a:xfrm>
        </p:spPr>
        <p:txBody>
          <a:bodyPr/>
          <a:lstStyle/>
          <a:p>
            <a:r>
              <a:rPr lang="en-GB" dirty="0"/>
              <a:t>Wind Turbine Control Online Course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261228" y="4581128"/>
            <a:ext cx="6046290" cy="18158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Alan Wai Hou Lio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Researcher, DTU Wind Energy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  <a:hlinkClick r:id="rId4"/>
              </a:rPr>
              <a:t>wali@dtu.dk</a:t>
            </a: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6C6DE9FA-1323-4AB8-98E4-62B2EC8728BF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7562" t="3999" r="8455"/>
          <a:stretch/>
        </p:blipFill>
        <p:spPr>
          <a:xfrm>
            <a:off x="635845" y="2326531"/>
            <a:ext cx="10847735" cy="3698309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8" name="Rectangle 3"/>
              <p:cNvSpPr/>
              <p:nvPr/>
            </p:nvSpPr>
            <p:spPr bwMode="auto">
              <a:xfrm>
                <a:off x="694606" y="1269991"/>
                <a:ext cx="3709612" cy="421502"/>
              </a:xfrm>
              <a:prstGeom prst="rect">
                <a:avLst/>
              </a:prstGeom>
              <a:solidFill>
                <a:schemeClr val="accent6"/>
              </a:solidFill>
              <a:ln w="9525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ctr" anchorCtr="0" compatLnSpc="1">
                <a:prstTxWarp prst="textNoShape">
                  <a:avLst/>
                </a:prstTxWarp>
              </a:bodyPr>
              <a:lstStyle/>
              <a:p>
                <a:pPr algn="ctr" defTabSz="914309"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1" i="1" dirty="0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1" i="0" dirty="0" smtClean="0">
                              <a:latin typeface="Cambria Math"/>
                            </a:rPr>
                            <m:t>𝛉</m:t>
                          </m:r>
                        </m:e>
                        <m:sub>
                          <m:r>
                            <a:rPr lang="en-GB" b="1" i="0" dirty="0" smtClean="0">
                              <a:latin typeface="Cambria Math"/>
                            </a:rPr>
                            <m:t>𝐩</m:t>
                          </m:r>
                        </m:sub>
                      </m:sSub>
                      <m:r>
                        <a:rPr lang="en-GB" b="1" i="0" dirty="0" smtClean="0">
                          <a:latin typeface="Cambria Math"/>
                        </a:rPr>
                        <m:t>=</m:t>
                      </m:r>
                      <m:sSubSup>
                        <m:sSubSupPr>
                          <m:ctrlPr>
                            <a:rPr lang="en-GB" b="1" i="1" dirty="0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GB" b="1" i="0" dirty="0" smtClean="0">
                              <a:latin typeface="Cambria Math"/>
                            </a:rPr>
                            <m:t>𝛉</m:t>
                          </m:r>
                        </m:e>
                        <m:sub>
                          <m:r>
                            <a:rPr lang="en-GB" b="1" i="0" dirty="0" smtClean="0">
                              <a:latin typeface="Cambria Math"/>
                            </a:rPr>
                            <m:t>𝐩</m:t>
                          </m:r>
                        </m:sub>
                        <m:sup>
                          <m:r>
                            <a:rPr lang="en-GB" b="1" i="0" dirty="0" smtClean="0">
                              <a:latin typeface="Cambria Math"/>
                            </a:rPr>
                            <m:t>∗</m:t>
                          </m:r>
                        </m:sup>
                      </m:sSubSup>
                      <m:r>
                        <a:rPr lang="en-GB" b="1" i="0" dirty="0" smtClean="0">
                          <a:latin typeface="Cambria Math"/>
                        </a:rPr>
                        <m:t>+</m:t>
                      </m:r>
                      <m:r>
                        <a:rPr lang="en-GB" b="1" i="0" dirty="0" smtClean="0">
                          <a:latin typeface="Cambria Math"/>
                        </a:rPr>
                        <m:t>𝐊𝐩</m:t>
                      </m:r>
                      <m:r>
                        <a:rPr lang="en-GB" b="1" i="0" dirty="0" smtClean="0">
                          <a:latin typeface="Cambria Math"/>
                        </a:rPr>
                        <m:t>∗</m:t>
                      </m:r>
                      <m:r>
                        <a:rPr lang="en-GB" b="1" i="0" dirty="0" smtClean="0">
                          <a:latin typeface="Cambria Math"/>
                        </a:rPr>
                        <m:t>𝐞𝐫𝐫𝐨𝐫</m:t>
                      </m:r>
                      <m:r>
                        <a:rPr lang="en-GB" b="1" i="0" dirty="0">
                          <a:latin typeface="Cambria Math"/>
                        </a:rPr>
                        <m:t>+</m:t>
                      </m:r>
                      <m:r>
                        <a:rPr lang="en-GB" b="1" i="0" dirty="0">
                          <a:latin typeface="Cambria Math"/>
                        </a:rPr>
                        <m:t>𝐊𝐢</m:t>
                      </m:r>
                      <m:r>
                        <a:rPr lang="en-GB" b="1" i="0" dirty="0">
                          <a:latin typeface="Cambria Math"/>
                        </a:rPr>
                        <m:t>∫</m:t>
                      </m:r>
                      <m:r>
                        <a:rPr lang="en-GB" b="1" i="0" dirty="0">
                          <a:latin typeface="Cambria Math"/>
                        </a:rPr>
                        <m:t>𝐞𝐫𝐫𝐨𝐫</m:t>
                      </m:r>
                      <m:r>
                        <a:rPr lang="en-GB" b="1" i="0" dirty="0">
                          <a:latin typeface="Cambria Math"/>
                        </a:rPr>
                        <m:t> </m:t>
                      </m:r>
                      <m:r>
                        <a:rPr lang="en-GB" b="1" i="0" dirty="0">
                          <a:latin typeface="Cambria Math"/>
                        </a:rPr>
                        <m:t>𝐝𝐭</m:t>
                      </m:r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8" name="Rectangle 3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694606" y="1269991"/>
                <a:ext cx="3709612" cy="421502"/>
              </a:xfrm>
              <a:prstGeom prst="rect">
                <a:avLst/>
              </a:prstGeom>
              <a:blipFill>
                <a:blip r:embed="rId3"/>
                <a:stretch>
                  <a:fillRect b="-1408"/>
                </a:stretch>
              </a:blipFill>
              <a:ln w="9525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Rektangel 9"/>
          <p:cNvSpPr/>
          <p:nvPr/>
        </p:nvSpPr>
        <p:spPr>
          <a:xfrm>
            <a:off x="2782838" y="2507361"/>
            <a:ext cx="2799431" cy="707886"/>
          </a:xfrm>
          <a:prstGeom prst="rect">
            <a:avLst/>
          </a:prstGeom>
          <a:solidFill>
            <a:schemeClr val="accent6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000" dirty="0">
                <a:latin typeface="Arial Rounded MT Bold" panose="020F0704030504030204" pitchFamily="34" charset="0"/>
              </a:rPr>
              <a:t>Rotor speed is regulated!</a:t>
            </a:r>
          </a:p>
        </p:txBody>
      </p:sp>
      <p:sp>
        <p:nvSpPr>
          <p:cNvPr id="12" name="Rektangel 9"/>
          <p:cNvSpPr/>
          <p:nvPr/>
        </p:nvSpPr>
        <p:spPr>
          <a:xfrm>
            <a:off x="8399462" y="3028890"/>
            <a:ext cx="2799431" cy="400110"/>
          </a:xfrm>
          <a:prstGeom prst="rect">
            <a:avLst/>
          </a:prstGeom>
          <a:solidFill>
            <a:schemeClr val="accent6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000" dirty="0">
                <a:latin typeface="Arial Rounded MT Bold" panose="020F0704030504030204" pitchFamily="34" charset="0"/>
              </a:rPr>
              <a:t>Power is regulated!</a:t>
            </a:r>
          </a:p>
        </p:txBody>
      </p:sp>
      <p:sp>
        <p:nvSpPr>
          <p:cNvPr id="14" name="Title 1"/>
          <p:cNvSpPr txBox="1">
            <a:spLocks/>
          </p:cNvSpPr>
          <p:nvPr/>
        </p:nvSpPr>
        <p:spPr bwMode="auto">
          <a:xfrm>
            <a:off x="912004" y="213131"/>
            <a:ext cx="8135530" cy="6688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marL="0" indent="0">
              <a:buFontTx/>
              <a:buNone/>
            </a:pPr>
            <a:r>
              <a:rPr lang="en-GB" dirty="0"/>
              <a:t>Proportional-Integral (</a:t>
            </a:r>
            <a:r>
              <a:rPr lang="en-GB" kern="0" dirty="0"/>
              <a:t>PI) pitch controller</a:t>
            </a:r>
          </a:p>
        </p:txBody>
      </p:sp>
      <p:sp>
        <p:nvSpPr>
          <p:cNvPr id="18" name="Rektangel 8"/>
          <p:cNvSpPr/>
          <p:nvPr/>
        </p:nvSpPr>
        <p:spPr>
          <a:xfrm>
            <a:off x="6870899" y="1113094"/>
            <a:ext cx="2232248" cy="584775"/>
          </a:xfrm>
          <a:prstGeom prst="rect">
            <a:avLst/>
          </a:prstGeom>
          <a:solidFill>
            <a:schemeClr val="accent6"/>
          </a:solidFill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dirty="0">
                <a:latin typeface="Arial Rounded MT Bold" panose="020F0704030504030204" pitchFamily="34" charset="0"/>
              </a:rPr>
              <a:t>Controller (Need to designed)</a:t>
            </a:r>
          </a:p>
        </p:txBody>
      </p:sp>
      <p:cxnSp>
        <p:nvCxnSpPr>
          <p:cNvPr id="26" name="Elbow Connector 25"/>
          <p:cNvCxnSpPr/>
          <p:nvPr/>
        </p:nvCxnSpPr>
        <p:spPr bwMode="auto">
          <a:xfrm rot="5400000" flipH="1">
            <a:off x="5265031" y="-1024125"/>
            <a:ext cx="6376" cy="5437611"/>
          </a:xfrm>
          <a:prstGeom prst="bentConnector3">
            <a:avLst>
              <a:gd name="adj1" fmla="val -3585320"/>
            </a:avLst>
          </a:prstGeom>
          <a:solidFill>
            <a:schemeClr val="accent1"/>
          </a:solidFill>
          <a:ln w="28575" cap="flat" cmpd="sng" algn="ctr">
            <a:solidFill>
              <a:schemeClr val="accent6"/>
            </a:solidFill>
            <a:prstDash val="solid"/>
            <a:round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Content Placeholder 2"/>
          <p:cNvSpPr>
            <a:spLocks noGrp="1"/>
          </p:cNvSpPr>
          <p:nvPr>
            <p:ph idx="1"/>
          </p:nvPr>
        </p:nvSpPr>
        <p:spPr>
          <a:xfrm>
            <a:off x="9556427" y="1564428"/>
            <a:ext cx="2140232" cy="388589"/>
          </a:xfrm>
        </p:spPr>
        <p:txBody>
          <a:bodyPr/>
          <a:lstStyle/>
          <a:p>
            <a:pPr marL="0" indent="0">
              <a:buNone/>
            </a:pPr>
            <a:r>
              <a:rPr lang="en-GB" sz="1200" dirty="0"/>
              <a:t>Results: </a:t>
            </a:r>
            <a:r>
              <a:rPr lang="en-GB" sz="1200" dirty="0" err="1"/>
              <a:t>Kp</a:t>
            </a:r>
            <a:r>
              <a:rPr lang="en-GB" sz="1200" dirty="0"/>
              <a:t> = 10.8, Ki = 2.2</a:t>
            </a:r>
          </a:p>
          <a:p>
            <a:endParaRPr lang="en-GB" sz="2666" dirty="0"/>
          </a:p>
        </p:txBody>
      </p:sp>
    </p:spTree>
    <p:extLst>
      <p:ext uri="{BB962C8B-B14F-4D97-AF65-F5344CB8AC3E}">
        <p14:creationId xmlns:p14="http://schemas.microsoft.com/office/powerpoint/2010/main" val="29306591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 animBg="1"/>
      <p:bldP spid="12" grpId="0" animBg="1"/>
      <p:bldP spid="15" grpId="0" build="p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D8DC8D-AF0C-4833-8DCD-8EC45C4860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about the derivative (D) term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BF703E-5BB7-47DC-8FCD-49FB88B4504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558702" y="2492896"/>
            <a:ext cx="9312374" cy="2843894"/>
          </a:xfrm>
        </p:spPr>
        <p:txBody>
          <a:bodyPr/>
          <a:lstStyle/>
          <a:p>
            <a:r>
              <a:rPr lang="en-GB" dirty="0"/>
              <a:t>Not commonly used in wind turbine control</a:t>
            </a:r>
          </a:p>
          <a:p>
            <a:r>
              <a:rPr lang="en-GB" dirty="0"/>
              <a:t>Derivative of the measurement typically contains nois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D6C97DE-DC9A-4A69-92F8-192CB886BC6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ctangle 3">
                <a:extLst>
                  <a:ext uri="{FF2B5EF4-FFF2-40B4-BE49-F238E27FC236}">
                    <a16:creationId xmlns:a16="http://schemas.microsoft.com/office/drawing/2014/main" id="{FA7A1981-4CEE-47E8-B2EA-1C26B855F728}"/>
                  </a:ext>
                </a:extLst>
              </p:cNvPr>
              <p:cNvSpPr/>
              <p:nvPr/>
            </p:nvSpPr>
            <p:spPr bwMode="auto">
              <a:xfrm>
                <a:off x="982638" y="1696880"/>
                <a:ext cx="5904656" cy="576064"/>
              </a:xfrm>
              <a:prstGeom prst="rect">
                <a:avLst/>
              </a:prstGeom>
              <a:solidFill>
                <a:schemeClr val="accent6"/>
              </a:solidFill>
              <a:ln w="9525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ctr" anchorCtr="0" compatLnSpc="1">
                <a:prstTxWarp prst="textNoShape">
                  <a:avLst/>
                </a:prstTxWarp>
              </a:bodyPr>
              <a:lstStyle/>
              <a:p>
                <a:pPr algn="ctr" defTabSz="914309"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1" i="1" dirty="0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1" dirty="0">
                              <a:latin typeface="Cambria Math"/>
                            </a:rPr>
                            <m:t>𝛉</m:t>
                          </m:r>
                        </m:e>
                        <m:sub>
                          <m:r>
                            <a:rPr lang="en-GB" b="1" dirty="0">
                              <a:latin typeface="Cambria Math"/>
                            </a:rPr>
                            <m:t>𝐩</m:t>
                          </m:r>
                        </m:sub>
                      </m:sSub>
                      <m:r>
                        <a:rPr lang="en-GB" b="1" dirty="0">
                          <a:latin typeface="Cambria Math"/>
                        </a:rPr>
                        <m:t>=</m:t>
                      </m:r>
                      <m:sSubSup>
                        <m:sSubSupPr>
                          <m:ctrlPr>
                            <a:rPr lang="en-GB" b="1" i="1" dirty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GB" b="1" dirty="0">
                              <a:latin typeface="Cambria Math"/>
                            </a:rPr>
                            <m:t>𝛉</m:t>
                          </m:r>
                        </m:e>
                        <m:sub>
                          <m:r>
                            <a:rPr lang="en-GB" b="1" dirty="0">
                              <a:latin typeface="Cambria Math"/>
                            </a:rPr>
                            <m:t>𝐩</m:t>
                          </m:r>
                        </m:sub>
                        <m:sup>
                          <m:r>
                            <a:rPr lang="en-GB" b="1" dirty="0">
                              <a:latin typeface="Cambria Math"/>
                            </a:rPr>
                            <m:t>∗</m:t>
                          </m:r>
                        </m:sup>
                      </m:sSubSup>
                      <m:r>
                        <a:rPr lang="en-GB" b="1" dirty="0">
                          <a:latin typeface="Cambria Math"/>
                        </a:rPr>
                        <m:t>+</m:t>
                      </m:r>
                      <m:r>
                        <a:rPr lang="en-GB" b="1" dirty="0">
                          <a:latin typeface="Cambria Math"/>
                        </a:rPr>
                        <m:t>𝐊𝐩</m:t>
                      </m:r>
                      <m:r>
                        <a:rPr lang="en-GB" b="1" dirty="0">
                          <a:latin typeface="Cambria Math"/>
                        </a:rPr>
                        <m:t>∗</m:t>
                      </m:r>
                      <m:r>
                        <a:rPr lang="en-GB" b="1" dirty="0">
                          <a:latin typeface="Cambria Math"/>
                        </a:rPr>
                        <m:t>𝐞𝐫𝐫𝐨𝐫</m:t>
                      </m:r>
                      <m:r>
                        <a:rPr lang="en-GB" b="1" dirty="0">
                          <a:latin typeface="Cambria Math"/>
                        </a:rPr>
                        <m:t>+</m:t>
                      </m:r>
                      <m:r>
                        <a:rPr lang="en-GB" b="1" dirty="0">
                          <a:latin typeface="Cambria Math"/>
                        </a:rPr>
                        <m:t>𝐊𝐢</m:t>
                      </m:r>
                      <m:r>
                        <a:rPr lang="en-GB" b="1" dirty="0">
                          <a:latin typeface="Cambria Math"/>
                        </a:rPr>
                        <m:t>∫</m:t>
                      </m:r>
                      <m:r>
                        <a:rPr lang="en-GB" b="1" dirty="0">
                          <a:latin typeface="Cambria Math"/>
                        </a:rPr>
                        <m:t>𝐞𝐫𝐫𝐨𝐫</m:t>
                      </m:r>
                      <m:r>
                        <a:rPr lang="en-GB" b="1" dirty="0">
                          <a:latin typeface="Cambria Math"/>
                        </a:rPr>
                        <m:t> </m:t>
                      </m:r>
                      <m:r>
                        <a:rPr lang="en-GB" b="1" dirty="0">
                          <a:latin typeface="Cambria Math"/>
                        </a:rPr>
                        <m:t>𝐝𝐭</m:t>
                      </m:r>
                      <m:r>
                        <a:rPr lang="en-US" b="1" i="0" dirty="0" smtClean="0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en-US" b="1" i="0" dirty="0" smtClean="0">
                          <a:latin typeface="Cambria Math" panose="02040503050406030204" pitchFamily="18" charset="0"/>
                        </a:rPr>
                        <m:t>𝐊𝐝</m:t>
                      </m:r>
                      <m:r>
                        <a:rPr lang="en-US" b="1" i="0" dirty="0" smtClean="0">
                          <a:latin typeface="Cambria Math" panose="02040503050406030204" pitchFamily="18" charset="0"/>
                        </a:rPr>
                        <m:t> ∗</m:t>
                      </m:r>
                      <m:f>
                        <m:fPr>
                          <m:ctrlPr>
                            <a:rPr lang="en-US" b="1" i="1" dirty="0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1" i="1" dirty="0" smtClean="0">
                              <a:latin typeface="Cambria Math" panose="02040503050406030204" pitchFamily="18" charset="0"/>
                            </a:rPr>
                            <m:t>𝒅</m:t>
                          </m:r>
                          <m:r>
                            <a:rPr lang="en-US" b="1" i="1" dirty="0" smtClean="0">
                              <a:latin typeface="Cambria Math" panose="02040503050406030204" pitchFamily="18" charset="0"/>
                            </a:rPr>
                            <m:t> </m:t>
                          </m:r>
                          <m:r>
                            <a:rPr lang="en-US" b="1" i="1" dirty="0" smtClean="0">
                              <a:latin typeface="Cambria Math" panose="02040503050406030204" pitchFamily="18" charset="0"/>
                            </a:rPr>
                            <m:t>𝒆𝒓𝒓𝒐𝒓</m:t>
                          </m:r>
                        </m:num>
                        <m:den>
                          <m:r>
                            <a:rPr lang="en-US" b="1" i="1" dirty="0" smtClean="0">
                              <a:latin typeface="Cambria Math" panose="02040503050406030204" pitchFamily="18" charset="0"/>
                            </a:rPr>
                            <m:t>𝒅𝒕</m:t>
                          </m:r>
                        </m:den>
                      </m:f>
                    </m:oMath>
                  </m:oMathPara>
                </a14:m>
                <a:endParaRPr lang="en-GB" b="1" dirty="0">
                  <a:latin typeface="Cambria Math"/>
                </a:endParaRPr>
              </a:p>
            </p:txBody>
          </p:sp>
        </mc:Choice>
        <mc:Fallback xmlns="">
          <p:sp>
            <p:nvSpPr>
              <p:cNvPr id="5" name="Rectangle 3">
                <a:extLst>
                  <a:ext uri="{FF2B5EF4-FFF2-40B4-BE49-F238E27FC236}">
                    <a16:creationId xmlns:a16="http://schemas.microsoft.com/office/drawing/2014/main" id="{FA7A1981-4CEE-47E8-B2EA-1C26B855F72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982638" y="1696880"/>
                <a:ext cx="5904656" cy="576064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  <a:ln w="9525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7" name="Rektangel 41">
            <a:extLst>
              <a:ext uri="{FF2B5EF4-FFF2-40B4-BE49-F238E27FC236}">
                <a16:creationId xmlns:a16="http://schemas.microsoft.com/office/drawing/2014/main" id="{4AFD99A1-8E1A-42DE-BC0D-0AD7B5FB3697}"/>
              </a:ext>
            </a:extLst>
          </p:cNvPr>
          <p:cNvSpPr/>
          <p:nvPr/>
        </p:nvSpPr>
        <p:spPr>
          <a:xfrm>
            <a:off x="1990750" y="3491547"/>
            <a:ext cx="6048682" cy="307777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>
              <a:spcBef>
                <a:spcPts val="0"/>
              </a:spcBef>
            </a:pPr>
            <a:r>
              <a:rPr lang="en-GB" sz="1400" b="1" dirty="0">
                <a:latin typeface="Arial Rounded MT Bold" panose="020F0704030504030204" pitchFamily="34" charset="0"/>
              </a:rPr>
              <a:t>Filtered rotor speed measurement from V52 and its derivative</a:t>
            </a:r>
            <a:endParaRPr lang="en-GB" sz="1400" dirty="0">
              <a:latin typeface="Arial Rounded MT Bold" panose="020F0704030504030204" pitchFamily="34" charset="0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D8A95FF-A054-459A-B611-5269A3F1B8A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4188" y="3799324"/>
            <a:ext cx="11706225" cy="25622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7152112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CA3474-E38B-413C-862E-304FB80EAA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ummar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9F0605-58DB-4C2E-AAF4-A8FB56313F1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In an open-loop system, the controller does not use the knowledge of the system measurement </a:t>
            </a:r>
          </a:p>
          <a:p>
            <a:r>
              <a:rPr lang="en-GB" dirty="0"/>
              <a:t>Closed-loop controller regulates the system (wind turbine) based on the feedback mechanism. </a:t>
            </a:r>
          </a:p>
          <a:p>
            <a:pPr lvl="1"/>
            <a:r>
              <a:rPr lang="en-GB" dirty="0"/>
              <a:t>The system input is in response to the system measurement</a:t>
            </a:r>
          </a:p>
          <a:p>
            <a:pPr lvl="1"/>
            <a:endParaRPr lang="en-GB" dirty="0"/>
          </a:p>
          <a:p>
            <a:r>
              <a:rPr lang="en-GB" dirty="0"/>
              <a:t>Proportional controller alone cannot regulate the system to the desired output without an offset</a:t>
            </a:r>
          </a:p>
          <a:p>
            <a:r>
              <a:rPr lang="en-GB" dirty="0"/>
              <a:t>Proportional-Integral (PI) controller can successfully regulate the system and minimise any offset between the desired output and system measurement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6E0CFC-E69A-4F2F-9D4B-2F3516E226E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2879546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1710698" y="4365104"/>
            <a:ext cx="3520412" cy="1468182"/>
          </a:xfrm>
        </p:spPr>
        <p:txBody>
          <a:bodyPr/>
          <a:lstStyle/>
          <a:p>
            <a:pPr marL="0" indent="0">
              <a:buNone/>
            </a:pPr>
            <a:r>
              <a:rPr lang="en-GB" sz="2000" dirty="0"/>
              <a:t>Alan Wai Hou Lio</a:t>
            </a:r>
          </a:p>
          <a:p>
            <a:pPr marL="0" indent="0">
              <a:buNone/>
            </a:pPr>
            <a:r>
              <a:rPr lang="en-GB" sz="2000" dirty="0"/>
              <a:t>Researcher, DTU Wind Energy</a:t>
            </a:r>
          </a:p>
          <a:p>
            <a:pPr marL="0" indent="0">
              <a:buNone/>
            </a:pPr>
            <a:r>
              <a:rPr lang="en-GB" sz="2000" dirty="0">
                <a:hlinkClick r:id="rId2"/>
              </a:rPr>
              <a:t>wali@dtu.dk</a:t>
            </a:r>
            <a:endParaRPr lang="en-GB" sz="2000" dirty="0"/>
          </a:p>
          <a:p>
            <a:pPr marL="0" indent="0">
              <a:buNone/>
            </a:pPr>
            <a:endParaRPr lang="en-GB" sz="2000" dirty="0"/>
          </a:p>
          <a:p>
            <a:pPr marL="0" indent="0">
              <a:buNone/>
            </a:pPr>
            <a:r>
              <a:rPr lang="en-GB" sz="2000" dirty="0"/>
              <a:t>Day 1, 2 and 3</a:t>
            </a:r>
          </a:p>
          <a:p>
            <a:pPr marL="0" indent="0">
              <a:buNone/>
            </a:pPr>
            <a:endParaRPr lang="en-GB" sz="2000" dirty="0"/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Lecturers</a:t>
            </a:r>
          </a:p>
        </p:txBody>
      </p:sp>
      <p:pic>
        <p:nvPicPr>
          <p:cNvPr id="1026" name="Picture 2" descr="Photo of Alan Wai Hou Lio">
            <a:extLst>
              <a:ext uri="{FF2B5EF4-FFF2-40B4-BE49-F238E27FC236}">
                <a16:creationId xmlns:a16="http://schemas.microsoft.com/office/drawing/2014/main" id="{F46DD10F-FF45-4095-9329-441306C0248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410966" y="2110730"/>
            <a:ext cx="1524000" cy="20383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Photo of Anca Daniela Hansen">
            <a:extLst>
              <a:ext uri="{FF2B5EF4-FFF2-40B4-BE49-F238E27FC236}">
                <a16:creationId xmlns:a16="http://schemas.microsoft.com/office/drawing/2014/main" id="{C1DCBF1B-DF27-46CE-8324-80491408CC7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43614" y="2210432"/>
            <a:ext cx="1524000" cy="20383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7141C49B-A4E0-414C-9742-C3B1F557F849}"/>
              </a:ext>
            </a:extLst>
          </p:cNvPr>
          <p:cNvSpPr txBox="1">
            <a:spLocks/>
          </p:cNvSpPr>
          <p:nvPr/>
        </p:nvSpPr>
        <p:spPr bwMode="auto">
          <a:xfrm>
            <a:off x="7319342" y="4409090"/>
            <a:ext cx="4608512" cy="14681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2000" kern="0" dirty="0"/>
              <a:t>Anca Daniela Hansen</a:t>
            </a:r>
          </a:p>
          <a:p>
            <a:pPr marL="0" indent="0">
              <a:buFontTx/>
              <a:buNone/>
            </a:pPr>
            <a:r>
              <a:rPr lang="en-GB" sz="2000" kern="0" dirty="0"/>
              <a:t>Associate Professor, DTU Wind Energy</a:t>
            </a:r>
          </a:p>
          <a:p>
            <a:pPr marL="0" indent="0">
              <a:buFontTx/>
              <a:buNone/>
            </a:pPr>
            <a:r>
              <a:rPr lang="en-GB" sz="2000" kern="0" dirty="0">
                <a:hlinkClick r:id="rId5"/>
              </a:rPr>
              <a:t>anca@dtu.dk</a:t>
            </a:r>
            <a:endParaRPr lang="en-GB" sz="2000" kern="0" dirty="0"/>
          </a:p>
          <a:p>
            <a:pPr marL="0" indent="0">
              <a:buFontTx/>
              <a:buNone/>
            </a:pPr>
            <a:endParaRPr lang="en-GB" sz="2000" kern="0" dirty="0"/>
          </a:p>
          <a:p>
            <a:pPr marL="0" indent="0">
              <a:buFontTx/>
              <a:buNone/>
            </a:pPr>
            <a:r>
              <a:rPr lang="en-GB" sz="2000" kern="0" dirty="0"/>
              <a:t>Day 4</a:t>
            </a:r>
          </a:p>
          <a:p>
            <a:pPr marL="0" indent="0">
              <a:buFontTx/>
              <a:buNone/>
            </a:pPr>
            <a:endParaRPr lang="en-GB" sz="2000" kern="0" dirty="0"/>
          </a:p>
        </p:txBody>
      </p:sp>
    </p:spTree>
    <p:extLst>
      <p:ext uri="{BB962C8B-B14F-4D97-AF65-F5344CB8AC3E}">
        <p14:creationId xmlns:p14="http://schemas.microsoft.com/office/powerpoint/2010/main" val="267535015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AB8C26-F316-40C0-A0F6-909BC74EA2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Nergica</a:t>
            </a:r>
            <a:r>
              <a:rPr lang="en-GB" dirty="0"/>
              <a:t> introduc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C920917-A7FD-4BFD-BA8B-262D913141F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6" name="Rectangle 1">
            <a:extLst>
              <a:ext uri="{FF2B5EF4-FFF2-40B4-BE49-F238E27FC236}">
                <a16:creationId xmlns:a16="http://schemas.microsoft.com/office/drawing/2014/main" id="{30E5EFA1-03C3-4D10-8880-266ED5AF55E6}"/>
              </a:ext>
            </a:extLst>
          </p:cNvPr>
          <p:cNvSpPr>
            <a:spLocks noChangeArrowheads="1"/>
          </p:cNvSpPr>
          <p:nvPr/>
        </p:nvSpPr>
        <p:spPr bwMode="auto">
          <a:xfrm>
            <a:off x="3001963" y="3122613"/>
            <a:ext cx="12190412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13577E8-7731-43DC-B91E-97A08C28119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Background</a:t>
            </a:r>
          </a:p>
          <a:p>
            <a:pPr>
              <a:lnSpc>
                <a:spcPct val="150000"/>
              </a:lnSpc>
            </a:pPr>
            <a:r>
              <a:rPr lang="en-GB" dirty="0"/>
              <a:t>What do you do daily in your work?</a:t>
            </a:r>
          </a:p>
          <a:p>
            <a:pPr>
              <a:lnSpc>
                <a:spcPct val="150000"/>
              </a:lnSpc>
            </a:pPr>
            <a:r>
              <a:rPr lang="en-GB" dirty="0"/>
              <a:t>Why are you interested in this course?</a:t>
            </a:r>
          </a:p>
          <a:p>
            <a:pPr>
              <a:lnSpc>
                <a:spcPct val="150000"/>
              </a:lnSpc>
            </a:pPr>
            <a:endParaRPr lang="en-GB" dirty="0"/>
          </a:p>
          <a:p>
            <a:pPr marL="0" indent="0">
              <a:lnSpc>
                <a:spcPct val="150000"/>
              </a:lnSpc>
              <a:buNone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259994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8C7E785-4DB0-4183-8BCD-B6D55BFAAB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urse structur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003105C-CE1E-49C9-B84C-B8ECE4A9289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50085E16-1DE0-4663-8CDE-83671481A7FD}"/>
              </a:ext>
            </a:extLst>
          </p:cNvPr>
          <p:cNvSpPr/>
          <p:nvPr/>
        </p:nvSpPr>
        <p:spPr>
          <a:xfrm>
            <a:off x="334566" y="2113293"/>
            <a:ext cx="5544616" cy="407034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100" b="1" dirty="0">
                <a:solidFill>
                  <a:srgbClr val="000000"/>
                </a:solidFill>
                <a:latin typeface="Calibri" panose="020F0502020204030204" pitchFamily="34" charset="0"/>
              </a:rPr>
              <a:t>Day 1 </a:t>
            </a:r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8:00-9:15 	Lecture 1: Wind turbine control basics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9:30-10:45 	Lecture 2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Controller design and tuning: Region 2 (Below-rated region) 	</a:t>
            </a:r>
          </a:p>
          <a:p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10:45-11:00 	Introduction to mini-project and </a:t>
            </a:r>
            <a:r>
              <a:rPr lang="en-US" sz="1100" dirty="0" err="1">
                <a:solidFill>
                  <a:srgbClr val="000000"/>
                </a:solidFill>
                <a:latin typeface="Calibri" panose="020F0502020204030204" pitchFamily="34" charset="0"/>
              </a:rPr>
              <a:t>Matlab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 turbine model 	</a:t>
            </a:r>
          </a:p>
          <a:p>
            <a:r>
              <a:rPr lang="en-GB" sz="1100" b="1" dirty="0">
                <a:solidFill>
                  <a:srgbClr val="000000"/>
                </a:solidFill>
                <a:latin typeface="Calibri" panose="020F0502020204030204" pitchFamily="34" charset="0"/>
              </a:rPr>
              <a:t>Day 2 </a:t>
            </a:r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8:00-9:15 	Lecture 3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Controller design and tuning: Region 2.5 and 3 (transition and 	above-rated region) 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9:30-10:45 	Q&amp;A on mini-project 	</a:t>
            </a:r>
          </a:p>
          <a:p>
            <a:r>
              <a:rPr lang="en-GB" sz="1100" b="1" dirty="0">
                <a:solidFill>
                  <a:srgbClr val="000000"/>
                </a:solidFill>
                <a:latin typeface="Calibri" panose="020F0502020204030204" pitchFamily="34" charset="0"/>
              </a:rPr>
              <a:t>Day 3 </a:t>
            </a:r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8:00-9:15 	Lecture 4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Introduction to Supervisory control, advanced control topics and 	DTU Wind Energy Controller 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9:30-10:45 	Mini-project presentations 	</a:t>
            </a:r>
          </a:p>
          <a:p>
            <a:r>
              <a:rPr lang="en-GB" sz="1100" b="1" dirty="0">
                <a:solidFill>
                  <a:srgbClr val="000000"/>
                </a:solidFill>
                <a:latin typeface="Calibri" panose="020F0502020204030204" pitchFamily="34" charset="0"/>
              </a:rPr>
              <a:t>Day 4 </a:t>
            </a:r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8:00-10:00 	Lecture 5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Introduction to electrical control concepts </a:t>
            </a:r>
          </a:p>
          <a:p>
            <a:endParaRPr lang="en-US" sz="1100" dirty="0">
              <a:solidFill>
                <a:srgbClr val="000000"/>
              </a:solidFill>
              <a:latin typeface="Calibri" panose="020F0502020204030204" pitchFamily="34" charset="0"/>
            </a:endParaRPr>
          </a:p>
          <a:p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7062CD4D-920E-45DB-89CB-D2900394BD19}"/>
              </a:ext>
            </a:extLst>
          </p:cNvPr>
          <p:cNvSpPr/>
          <p:nvPr/>
        </p:nvSpPr>
        <p:spPr>
          <a:xfrm>
            <a:off x="6430913" y="2113293"/>
            <a:ext cx="5544616" cy="407034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100" b="1" dirty="0">
                <a:solidFill>
                  <a:srgbClr val="000000"/>
                </a:solidFill>
                <a:latin typeface="Calibri" panose="020F0502020204030204" pitchFamily="34" charset="0"/>
              </a:rPr>
              <a:t>Day 1 </a:t>
            </a:r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8:00-9:15 	Lecture 1: Wind turbine control basics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9:30-10:45 	Lecture 2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Controller design and tuning: Region 2 (Below-rated region) 	</a:t>
            </a:r>
          </a:p>
          <a:p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10:45-11:00 	Introduction to mini-project and </a:t>
            </a:r>
            <a:r>
              <a:rPr lang="en-US" sz="1100" dirty="0" err="1">
                <a:solidFill>
                  <a:srgbClr val="000000"/>
                </a:solidFill>
                <a:latin typeface="Calibri" panose="020F0502020204030204" pitchFamily="34" charset="0"/>
              </a:rPr>
              <a:t>Matlab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 turbine model 	</a:t>
            </a:r>
          </a:p>
          <a:p>
            <a:r>
              <a:rPr lang="en-GB" sz="1100" b="1" dirty="0">
                <a:solidFill>
                  <a:srgbClr val="000000"/>
                </a:solidFill>
                <a:latin typeface="Calibri" panose="020F0502020204030204" pitchFamily="34" charset="0"/>
              </a:rPr>
              <a:t>Day 2 </a:t>
            </a:r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8:00-9:15 	Lecture 3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Controller design and tuning: Region 2.5 and 3 (transition and 	above-rated region) 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9:30-10:45 	Q&amp;A on mini-project 	</a:t>
            </a:r>
          </a:p>
          <a:p>
            <a:r>
              <a:rPr lang="en-GB" sz="1100" b="1" dirty="0">
                <a:solidFill>
                  <a:srgbClr val="000000"/>
                </a:solidFill>
                <a:latin typeface="Calibri" panose="020F0502020204030204" pitchFamily="34" charset="0"/>
              </a:rPr>
              <a:t>Day 3 </a:t>
            </a:r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8:00-9:15 	Lecture 4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Introduction to Supervisory control, advanced control topics and 	DTU Wind Energy Controller 	</a:t>
            </a:r>
          </a:p>
          <a:p>
            <a:r>
              <a:rPr lang="en-GB" sz="1100" dirty="0">
                <a:latin typeface="Calibri" panose="020F0502020204030204" pitchFamily="34" charset="0"/>
              </a:rPr>
              <a:t>9:30-10:45</a:t>
            </a:r>
            <a:r>
              <a:rPr lang="en-GB" sz="1100" dirty="0">
                <a:solidFill>
                  <a:srgbClr val="FF0000"/>
                </a:solidFill>
                <a:latin typeface="Calibri" panose="020F0502020204030204" pitchFamily="34" charset="0"/>
              </a:rPr>
              <a:t> 	Q&amp;A on mini-project</a:t>
            </a:r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b="1" dirty="0">
                <a:solidFill>
                  <a:srgbClr val="000000"/>
                </a:solidFill>
                <a:latin typeface="Calibri" panose="020F0502020204030204" pitchFamily="34" charset="0"/>
              </a:rPr>
              <a:t>Day 4 </a:t>
            </a:r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  <a:p>
            <a:r>
              <a:rPr lang="en-GB" sz="1100" dirty="0">
                <a:solidFill>
                  <a:srgbClr val="000000"/>
                </a:solidFill>
                <a:latin typeface="Calibri" panose="020F0502020204030204" pitchFamily="34" charset="0"/>
              </a:rPr>
              <a:t>8:00-10:00 	Lecture 5: </a:t>
            </a:r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Introduction to electrical control concepts </a:t>
            </a:r>
          </a:p>
          <a:p>
            <a:r>
              <a:rPr lang="en-GB" sz="1100" dirty="0">
                <a:solidFill>
                  <a:srgbClr val="FF0000"/>
                </a:solidFill>
                <a:latin typeface="Calibri" panose="020F0502020204030204" pitchFamily="34" charset="0"/>
              </a:rPr>
              <a:t>10:15-11:00 	Mini-project presentations</a:t>
            </a:r>
            <a:endParaRPr lang="en-US" sz="1100" dirty="0">
              <a:solidFill>
                <a:srgbClr val="FF0000"/>
              </a:solidFill>
              <a:latin typeface="Calibri" panose="020F0502020204030204" pitchFamily="34" charset="0"/>
            </a:endParaRPr>
          </a:p>
          <a:p>
            <a:r>
              <a:rPr lang="en-US" sz="1100" dirty="0">
                <a:solidFill>
                  <a:srgbClr val="000000"/>
                </a:solidFill>
                <a:latin typeface="Calibri" panose="020F0502020204030204" pitchFamily="34" charset="0"/>
              </a:rPr>
              <a:t>	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C1A5D81-E551-4011-AB34-582A4538380E}"/>
              </a:ext>
            </a:extLst>
          </p:cNvPr>
          <p:cNvSpPr/>
          <p:nvPr/>
        </p:nvSpPr>
        <p:spPr>
          <a:xfrm>
            <a:off x="8399462" y="1311151"/>
            <a:ext cx="1293944" cy="707886"/>
          </a:xfrm>
          <a:prstGeom prst="rect">
            <a:avLst/>
          </a:prstGeom>
          <a:noFill/>
        </p:spPr>
        <p:txBody>
          <a:bodyPr wrap="none" lIns="91440" tIns="45720" rIns="91440" bIns="45720">
            <a:spAutoFit/>
          </a:bodyPr>
          <a:lstStyle/>
          <a:p>
            <a:pPr algn="ctr"/>
            <a:r>
              <a:rPr lang="en-US" sz="4000" b="0" cap="none" spc="0" dirty="0">
                <a:ln w="0"/>
                <a:solidFill>
                  <a:schemeClr val="accent1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</a:rPr>
              <a:t>New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83BDF8DF-893F-4178-9C3B-66B338F6FD12}"/>
              </a:ext>
            </a:extLst>
          </p:cNvPr>
          <p:cNvSpPr/>
          <p:nvPr/>
        </p:nvSpPr>
        <p:spPr>
          <a:xfrm>
            <a:off x="1749833" y="1405407"/>
            <a:ext cx="1048685" cy="707886"/>
          </a:xfrm>
          <a:prstGeom prst="rect">
            <a:avLst/>
          </a:prstGeom>
          <a:noFill/>
        </p:spPr>
        <p:txBody>
          <a:bodyPr wrap="none" lIns="91440" tIns="45720" rIns="91440" bIns="45720">
            <a:spAutoFit/>
          </a:bodyPr>
          <a:lstStyle/>
          <a:p>
            <a:pPr algn="ctr"/>
            <a:r>
              <a:rPr lang="en-US" sz="4000" b="0" cap="none" spc="0" dirty="0">
                <a:ln w="0"/>
                <a:solidFill>
                  <a:schemeClr val="accent1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</a:rPr>
              <a:t>Old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EA29F947-DFBD-473C-986F-C485532402AA}"/>
              </a:ext>
            </a:extLst>
          </p:cNvPr>
          <p:cNvCxnSpPr/>
          <p:nvPr/>
        </p:nvCxnSpPr>
        <p:spPr bwMode="auto">
          <a:xfrm>
            <a:off x="5879182" y="1916832"/>
            <a:ext cx="72008" cy="4176464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19760513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b="1" dirty="0"/>
              <a:t>After this session you should be able to:</a:t>
            </a:r>
          </a:p>
          <a:p>
            <a:pPr>
              <a:lnSpc>
                <a:spcPct val="200000"/>
              </a:lnSpc>
            </a:pPr>
            <a:r>
              <a:rPr lang="en-GB" sz="2000" dirty="0"/>
              <a:t> List and explain the controllers used in wind turbines</a:t>
            </a:r>
          </a:p>
          <a:p>
            <a:pPr>
              <a:lnSpc>
                <a:spcPct val="200000"/>
              </a:lnSpc>
            </a:pPr>
            <a:r>
              <a:rPr lang="en-GB" sz="2000" dirty="0"/>
              <a:t> Explain the control objective of each control region</a:t>
            </a:r>
          </a:p>
          <a:p>
            <a:pPr>
              <a:lnSpc>
                <a:spcPct val="200000"/>
              </a:lnSpc>
            </a:pPr>
            <a:r>
              <a:rPr lang="en-GB" sz="2000" dirty="0"/>
              <a:t> Understand the Proportional-Integral (PI</a:t>
            </a:r>
            <a:r>
              <a:rPr lang="en-GB" sz="2000"/>
              <a:t>) controller</a:t>
            </a:r>
            <a:endParaRPr lang="en-GB" sz="2000" dirty="0"/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Learning objectives</a:t>
            </a:r>
          </a:p>
        </p:txBody>
      </p:sp>
    </p:spTree>
    <p:extLst>
      <p:ext uri="{BB962C8B-B14F-4D97-AF65-F5344CB8AC3E}">
        <p14:creationId xmlns:p14="http://schemas.microsoft.com/office/powerpoint/2010/main" val="371766938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1008887" y="122402"/>
            <a:ext cx="8642863" cy="938877"/>
          </a:xfrm>
        </p:spPr>
        <p:txBody>
          <a:bodyPr/>
          <a:lstStyle/>
          <a:p>
            <a:r>
              <a:rPr lang="en-GB" dirty="0"/>
              <a:t>Basic control concepts 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idx="1"/>
          </p:nvPr>
        </p:nvSpPr>
        <p:spPr>
          <a:xfrm>
            <a:off x="1008887" y="1336817"/>
            <a:ext cx="10463800" cy="316591"/>
          </a:xfrm>
        </p:spPr>
        <p:txBody>
          <a:bodyPr/>
          <a:lstStyle/>
          <a:p>
            <a:r>
              <a:rPr lang="en-GB" sz="2400" dirty="0"/>
              <a:t> What is control? What does it mean to control a system?</a:t>
            </a:r>
          </a:p>
        </p:txBody>
      </p:sp>
      <p:sp>
        <p:nvSpPr>
          <p:cNvPr id="7" name="AutoShape 2" descr="Image result for gears spring clipart"/>
          <p:cNvSpPr>
            <a:spLocks noChangeAspect="1" noChangeArrowheads="1"/>
          </p:cNvSpPr>
          <p:nvPr/>
        </p:nvSpPr>
        <p:spPr bwMode="auto">
          <a:xfrm>
            <a:off x="1679356" y="-143997"/>
            <a:ext cx="304760" cy="3047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28" tIns="45714" rIns="91428" bIns="45714" numCol="1" anchor="t" anchorCtr="0" compatLnSpc="1">
            <a:prstTxWarp prst="textNoShape">
              <a:avLst/>
            </a:prstTxWarp>
          </a:bodyPr>
          <a:lstStyle/>
          <a:p>
            <a:endParaRPr lang="en-GB" sz="1800" dirty="0"/>
          </a:p>
        </p:txBody>
      </p:sp>
      <p:sp>
        <p:nvSpPr>
          <p:cNvPr id="8" name="AutoShape 4" descr="Image result for gears spring clipart"/>
          <p:cNvSpPr>
            <a:spLocks noChangeAspect="1" noChangeArrowheads="1"/>
          </p:cNvSpPr>
          <p:nvPr/>
        </p:nvSpPr>
        <p:spPr bwMode="auto">
          <a:xfrm>
            <a:off x="1831736" y="8383"/>
            <a:ext cx="304760" cy="3047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28" tIns="45714" rIns="91428" bIns="45714" numCol="1" anchor="t" anchorCtr="0" compatLnSpc="1">
            <a:prstTxWarp prst="textNoShape">
              <a:avLst/>
            </a:prstTxWarp>
          </a:bodyPr>
          <a:lstStyle/>
          <a:p>
            <a:endParaRPr lang="en-GB" sz="1800" dirty="0"/>
          </a:p>
        </p:txBody>
      </p:sp>
      <p:sp>
        <p:nvSpPr>
          <p:cNvPr id="9" name="AutoShape 6" descr="Image result for gears spring clipart"/>
          <p:cNvSpPr>
            <a:spLocks noChangeAspect="1" noChangeArrowheads="1"/>
          </p:cNvSpPr>
          <p:nvPr/>
        </p:nvSpPr>
        <p:spPr bwMode="auto">
          <a:xfrm>
            <a:off x="1984116" y="160763"/>
            <a:ext cx="304760" cy="3047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28" tIns="45714" rIns="91428" bIns="45714" numCol="1" anchor="t" anchorCtr="0" compatLnSpc="1">
            <a:prstTxWarp prst="textNoShape">
              <a:avLst/>
            </a:prstTxWarp>
          </a:bodyPr>
          <a:lstStyle/>
          <a:p>
            <a:endParaRPr lang="en-GB" sz="1800" dirty="0"/>
          </a:p>
        </p:txBody>
      </p:sp>
      <p:grpSp>
        <p:nvGrpSpPr>
          <p:cNvPr id="10" name="Gruppe 17"/>
          <p:cNvGrpSpPr/>
          <p:nvPr/>
        </p:nvGrpSpPr>
        <p:grpSpPr>
          <a:xfrm>
            <a:off x="3420026" y="1887891"/>
            <a:ext cx="5408153" cy="1325506"/>
            <a:chOff x="6490348" y="2008463"/>
            <a:chExt cx="5408153" cy="1325506"/>
          </a:xfrm>
        </p:grpSpPr>
        <p:sp>
          <p:nvSpPr>
            <p:cNvPr id="11" name="Rectangle 10"/>
            <p:cNvSpPr/>
            <p:nvPr/>
          </p:nvSpPr>
          <p:spPr bwMode="auto">
            <a:xfrm>
              <a:off x="8337459" y="2628477"/>
              <a:ext cx="1600185" cy="705492"/>
            </a:xfrm>
            <a:prstGeom prst="rect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914309"/>
              <a:r>
                <a:rPr lang="en-GB" b="1" dirty="0"/>
                <a:t>System</a:t>
              </a:r>
            </a:p>
          </p:txBody>
        </p:sp>
        <p:sp>
          <p:nvSpPr>
            <p:cNvPr id="12" name="Right Arrow 11"/>
            <p:cNvSpPr/>
            <p:nvPr/>
          </p:nvSpPr>
          <p:spPr bwMode="auto">
            <a:xfrm>
              <a:off x="7657694" y="2824890"/>
              <a:ext cx="647988" cy="287994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13" name="Right Arrow 12"/>
            <p:cNvSpPr/>
            <p:nvPr/>
          </p:nvSpPr>
          <p:spPr bwMode="auto">
            <a:xfrm>
              <a:off x="9978537" y="2821814"/>
              <a:ext cx="647988" cy="287994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14" name="TextBox 13"/>
            <p:cNvSpPr txBox="1"/>
            <p:nvPr/>
          </p:nvSpPr>
          <p:spPr>
            <a:xfrm>
              <a:off x="6490348" y="2765768"/>
              <a:ext cx="1095363" cy="369332"/>
            </a:xfrm>
            <a:prstGeom prst="rect">
              <a:avLst/>
            </a:prstGeom>
            <a:solidFill>
              <a:schemeClr val="bg1">
                <a:lumMod val="85000"/>
              </a:schemeClr>
            </a:solidFill>
          </p:spPr>
          <p:txBody>
            <a:bodyPr wrap="square" rtlCol="0">
              <a:spAutoFit/>
            </a:bodyPr>
            <a:lstStyle/>
            <a:p>
              <a:r>
                <a:rPr lang="en-GB" sz="1800" b="1" dirty="0"/>
                <a:t>Inputs</a:t>
              </a:r>
            </a:p>
          </p:txBody>
        </p:sp>
        <p:sp>
          <p:nvSpPr>
            <p:cNvPr id="15" name="TextBox 14"/>
            <p:cNvSpPr txBox="1"/>
            <p:nvPr/>
          </p:nvSpPr>
          <p:spPr>
            <a:xfrm>
              <a:off x="10626525" y="2796557"/>
              <a:ext cx="1271976" cy="369332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</p:spPr>
          <p:txBody>
            <a:bodyPr wrap="square" rtlCol="0">
              <a:spAutoFit/>
            </a:bodyPr>
            <a:lstStyle/>
            <a:p>
              <a:r>
                <a:rPr lang="en-GB" sz="1800" b="1" dirty="0"/>
                <a:t>Outputs</a:t>
              </a:r>
            </a:p>
          </p:txBody>
        </p:sp>
        <p:sp>
          <p:nvSpPr>
            <p:cNvPr id="16" name="TextBox 7"/>
            <p:cNvSpPr txBox="1"/>
            <p:nvPr/>
          </p:nvSpPr>
          <p:spPr>
            <a:xfrm>
              <a:off x="8238650" y="2008463"/>
              <a:ext cx="1797802" cy="338554"/>
            </a:xfrm>
            <a:prstGeom prst="rect">
              <a:avLst/>
            </a:prstGeom>
            <a:solidFill>
              <a:schemeClr val="bg2">
                <a:lumMod val="20000"/>
                <a:lumOff val="80000"/>
              </a:schemeClr>
            </a:solidFill>
          </p:spPr>
          <p:txBody>
            <a:bodyPr wrap="square" rtlCol="0">
              <a:spAutoFit/>
            </a:bodyPr>
            <a:lstStyle/>
            <a:p>
              <a:pPr algn="ctr"/>
              <a:r>
                <a:rPr lang="en-GB" b="1" i="1" dirty="0"/>
                <a:t>Disturbance</a:t>
              </a:r>
            </a:p>
          </p:txBody>
        </p:sp>
        <p:sp>
          <p:nvSpPr>
            <p:cNvPr id="17" name="Nedadgående pil 13"/>
            <p:cNvSpPr/>
            <p:nvPr/>
          </p:nvSpPr>
          <p:spPr bwMode="auto">
            <a:xfrm>
              <a:off x="9047311" y="2347017"/>
              <a:ext cx="180479" cy="270000"/>
            </a:xfrm>
            <a:prstGeom prst="down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</p:grpSp>
      <p:pic>
        <p:nvPicPr>
          <p:cNvPr id="19" name="Picture 2" descr="Image result for sun clipart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97193" y="3532852"/>
            <a:ext cx="811586" cy="76801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3" name="TextBox 32"/>
          <p:cNvSpPr txBox="1"/>
          <p:nvPr/>
        </p:nvSpPr>
        <p:spPr>
          <a:xfrm>
            <a:off x="4175783" y="4671797"/>
            <a:ext cx="1327608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400" dirty="0"/>
              <a:t>Temperature</a:t>
            </a:r>
          </a:p>
          <a:p>
            <a:pPr algn="ctr">
              <a:spcBef>
                <a:spcPts val="0"/>
              </a:spcBef>
            </a:pPr>
            <a:r>
              <a:rPr lang="en-GB" sz="1400" dirty="0"/>
              <a:t>(output)</a:t>
            </a:r>
          </a:p>
        </p:txBody>
      </p:sp>
      <p:sp>
        <p:nvSpPr>
          <p:cNvPr id="35" name="TextBox 34"/>
          <p:cNvSpPr txBox="1"/>
          <p:nvPr/>
        </p:nvSpPr>
        <p:spPr>
          <a:xfrm>
            <a:off x="4496436" y="5371479"/>
            <a:ext cx="833883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400" dirty="0"/>
              <a:t>Valve</a:t>
            </a:r>
          </a:p>
          <a:p>
            <a:pPr algn="ctr">
              <a:spcBef>
                <a:spcPts val="0"/>
              </a:spcBef>
            </a:pPr>
            <a:r>
              <a:rPr lang="en-GB" sz="1400" dirty="0"/>
              <a:t>(Input)</a:t>
            </a:r>
          </a:p>
        </p:txBody>
      </p:sp>
      <p:grpSp>
        <p:nvGrpSpPr>
          <p:cNvPr id="56" name="Group 55"/>
          <p:cNvGrpSpPr/>
          <p:nvPr/>
        </p:nvGrpSpPr>
        <p:grpSpPr>
          <a:xfrm>
            <a:off x="5327570" y="4007030"/>
            <a:ext cx="2037473" cy="1863918"/>
            <a:chOff x="5327570" y="4007030"/>
            <a:chExt cx="2037473" cy="1863918"/>
          </a:xfrm>
        </p:grpSpPr>
        <p:sp>
          <p:nvSpPr>
            <p:cNvPr id="20" name="Rectangle 19"/>
            <p:cNvSpPr/>
            <p:nvPr/>
          </p:nvSpPr>
          <p:spPr bwMode="auto">
            <a:xfrm>
              <a:off x="5706982" y="4700170"/>
              <a:ext cx="1296004" cy="1170778"/>
            </a:xfrm>
            <a:prstGeom prst="rect">
              <a:avLst/>
            </a:prstGeom>
            <a:solidFill>
              <a:schemeClr val="accent2">
                <a:lumMod val="20000"/>
                <a:lumOff val="80000"/>
              </a:schemeClr>
            </a:solidFill>
            <a:ln w="28575" cap="flat" cmpd="sng" algn="ctr">
              <a:solidFill>
                <a:schemeClr val="tx1">
                  <a:lumMod val="95000"/>
                  <a:lumOff val="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1" name="Isosceles Triangle 20"/>
            <p:cNvSpPr/>
            <p:nvPr/>
          </p:nvSpPr>
          <p:spPr bwMode="auto">
            <a:xfrm>
              <a:off x="5344923" y="4007030"/>
              <a:ext cx="2020120" cy="693140"/>
            </a:xfrm>
            <a:prstGeom prst="triangle">
              <a:avLst/>
            </a:prstGeom>
            <a:solidFill>
              <a:schemeClr val="accent2">
                <a:lumMod val="20000"/>
                <a:lumOff val="80000"/>
              </a:schemeClr>
            </a:solidFill>
            <a:ln w="28575" cap="flat" cmpd="sng" algn="ctr">
              <a:solidFill>
                <a:schemeClr val="tx1">
                  <a:lumMod val="95000"/>
                  <a:lumOff val="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2" name="Rectangle 21"/>
            <p:cNvSpPr/>
            <p:nvPr/>
          </p:nvSpPr>
          <p:spPr bwMode="auto">
            <a:xfrm>
              <a:off x="6076458" y="5393310"/>
              <a:ext cx="816002" cy="390260"/>
            </a:xfrm>
            <a:prstGeom prst="rect">
              <a:avLst/>
            </a:prstGeom>
            <a:pattFill prst="ltVert">
              <a:fgClr>
                <a:schemeClr val="tx1">
                  <a:lumMod val="95000"/>
                  <a:lumOff val="5000"/>
                </a:schemeClr>
              </a:fgClr>
              <a:bgClr>
                <a:schemeClr val="bg2">
                  <a:lumMod val="60000"/>
                  <a:lumOff val="40000"/>
                </a:schemeClr>
              </a:bgClr>
            </a:patt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3" name="Oval 22"/>
            <p:cNvSpPr/>
            <p:nvPr/>
          </p:nvSpPr>
          <p:spPr bwMode="auto">
            <a:xfrm>
              <a:off x="5916820" y="5442092"/>
              <a:ext cx="96000" cy="141116"/>
            </a:xfrm>
            <a:prstGeom prst="ellipse">
              <a:avLst/>
            </a:prstGeom>
            <a:solidFill>
              <a:schemeClr val="bg2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cxnSp>
          <p:nvCxnSpPr>
            <p:cNvPr id="24" name="Straight Connector 23"/>
            <p:cNvCxnSpPr>
              <a:stCxn id="23" idx="4"/>
            </p:cNvCxnSpPr>
            <p:nvPr/>
          </p:nvCxnSpPr>
          <p:spPr bwMode="auto">
            <a:xfrm>
              <a:off x="5964819" y="5583208"/>
              <a:ext cx="1114" cy="287739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/>
            <p:cNvCxnSpPr>
              <a:stCxn id="23" idx="6"/>
            </p:cNvCxnSpPr>
            <p:nvPr/>
          </p:nvCxnSpPr>
          <p:spPr bwMode="auto">
            <a:xfrm>
              <a:off x="6012819" y="5512650"/>
              <a:ext cx="63639" cy="0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Elbow Connector 25"/>
            <p:cNvCxnSpPr/>
            <p:nvPr/>
          </p:nvCxnSpPr>
          <p:spPr bwMode="auto">
            <a:xfrm rot="16200000" flipH="1">
              <a:off x="6745131" y="5659979"/>
              <a:ext cx="358299" cy="63639"/>
            </a:xfrm>
            <a:prstGeom prst="bentConnector3">
              <a:avLst>
                <a:gd name="adj1" fmla="val -1044"/>
              </a:avLst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7" name="Freeform 26"/>
            <p:cNvSpPr/>
            <p:nvPr/>
          </p:nvSpPr>
          <p:spPr bwMode="auto">
            <a:xfrm>
              <a:off x="6270161" y="5195017"/>
              <a:ext cx="91597" cy="176462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8" name="Freeform 27"/>
            <p:cNvSpPr/>
            <p:nvPr/>
          </p:nvSpPr>
          <p:spPr bwMode="auto">
            <a:xfrm>
              <a:off x="6351456" y="5192951"/>
              <a:ext cx="91597" cy="176462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9" name="Freeform 28"/>
            <p:cNvSpPr/>
            <p:nvPr/>
          </p:nvSpPr>
          <p:spPr bwMode="auto">
            <a:xfrm>
              <a:off x="6432752" y="5192950"/>
              <a:ext cx="91597" cy="176462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30" name="Freeform 29"/>
            <p:cNvSpPr/>
            <p:nvPr/>
          </p:nvSpPr>
          <p:spPr bwMode="auto">
            <a:xfrm>
              <a:off x="6524349" y="5192950"/>
              <a:ext cx="91597" cy="176462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31" name="Freeform 30"/>
            <p:cNvSpPr/>
            <p:nvPr/>
          </p:nvSpPr>
          <p:spPr bwMode="auto">
            <a:xfrm>
              <a:off x="6613780" y="5192949"/>
              <a:ext cx="91597" cy="176462"/>
            </a:xfrm>
            <a:custGeom>
              <a:avLst/>
              <a:gdLst>
                <a:gd name="connsiteX0" fmla="*/ 73910 w 137410"/>
                <a:gd name="connsiteY0" fmla="*/ 0 h 260477"/>
                <a:gd name="connsiteX1" fmla="*/ 45335 w 137410"/>
                <a:gd name="connsiteY1" fmla="*/ 3175 h 260477"/>
                <a:gd name="connsiteX2" fmla="*/ 35810 w 137410"/>
                <a:gd name="connsiteY2" fmla="*/ 6350 h 260477"/>
                <a:gd name="connsiteX3" fmla="*/ 26285 w 137410"/>
                <a:gd name="connsiteY3" fmla="*/ 15875 h 260477"/>
                <a:gd name="connsiteX4" fmla="*/ 7235 w 137410"/>
                <a:gd name="connsiteY4" fmla="*/ 28575 h 260477"/>
                <a:gd name="connsiteX5" fmla="*/ 4060 w 137410"/>
                <a:gd name="connsiteY5" fmla="*/ 63500 h 260477"/>
                <a:gd name="connsiteX6" fmla="*/ 10410 w 137410"/>
                <a:gd name="connsiteY6" fmla="*/ 101600 h 260477"/>
                <a:gd name="connsiteX7" fmla="*/ 45335 w 137410"/>
                <a:gd name="connsiteY7" fmla="*/ 111125 h 260477"/>
                <a:gd name="connsiteX8" fmla="*/ 89785 w 137410"/>
                <a:gd name="connsiteY8" fmla="*/ 114300 h 260477"/>
                <a:gd name="connsiteX9" fmla="*/ 99310 w 137410"/>
                <a:gd name="connsiteY9" fmla="*/ 117475 h 260477"/>
                <a:gd name="connsiteX10" fmla="*/ 112010 w 137410"/>
                <a:gd name="connsiteY10" fmla="*/ 136525 h 260477"/>
                <a:gd name="connsiteX11" fmla="*/ 121535 w 137410"/>
                <a:gd name="connsiteY11" fmla="*/ 142875 h 260477"/>
                <a:gd name="connsiteX12" fmla="*/ 127885 w 137410"/>
                <a:gd name="connsiteY12" fmla="*/ 152400 h 260477"/>
                <a:gd name="connsiteX13" fmla="*/ 131060 w 137410"/>
                <a:gd name="connsiteY13" fmla="*/ 168275 h 260477"/>
                <a:gd name="connsiteX14" fmla="*/ 137410 w 137410"/>
                <a:gd name="connsiteY14" fmla="*/ 203200 h 260477"/>
                <a:gd name="connsiteX15" fmla="*/ 134235 w 137410"/>
                <a:gd name="connsiteY15" fmla="*/ 219075 h 260477"/>
                <a:gd name="connsiteX16" fmla="*/ 124710 w 137410"/>
                <a:gd name="connsiteY16" fmla="*/ 225425 h 260477"/>
                <a:gd name="connsiteX17" fmla="*/ 115185 w 137410"/>
                <a:gd name="connsiteY17" fmla="*/ 234950 h 260477"/>
                <a:gd name="connsiteX18" fmla="*/ 96135 w 137410"/>
                <a:gd name="connsiteY18" fmla="*/ 247650 h 260477"/>
                <a:gd name="connsiteX19" fmla="*/ 77085 w 137410"/>
                <a:gd name="connsiteY19" fmla="*/ 257175 h 260477"/>
                <a:gd name="connsiteX20" fmla="*/ 51685 w 137410"/>
                <a:gd name="connsiteY20" fmla="*/ 260350 h 260477"/>
                <a:gd name="connsiteX21" fmla="*/ 42160 w 137410"/>
                <a:gd name="connsiteY21" fmla="*/ 260350 h 26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37410" h="260477">
                  <a:moveTo>
                    <a:pt x="73910" y="0"/>
                  </a:moveTo>
                  <a:cubicBezTo>
                    <a:pt x="64385" y="1058"/>
                    <a:pt x="54788" y="1599"/>
                    <a:pt x="45335" y="3175"/>
                  </a:cubicBezTo>
                  <a:cubicBezTo>
                    <a:pt x="42034" y="3725"/>
                    <a:pt x="38595" y="4494"/>
                    <a:pt x="35810" y="6350"/>
                  </a:cubicBezTo>
                  <a:cubicBezTo>
                    <a:pt x="32074" y="8841"/>
                    <a:pt x="29829" y="13118"/>
                    <a:pt x="26285" y="15875"/>
                  </a:cubicBezTo>
                  <a:cubicBezTo>
                    <a:pt x="20261" y="20560"/>
                    <a:pt x="7235" y="28575"/>
                    <a:pt x="7235" y="28575"/>
                  </a:cubicBezTo>
                  <a:cubicBezTo>
                    <a:pt x="-3582" y="44800"/>
                    <a:pt x="-184" y="35207"/>
                    <a:pt x="4060" y="63500"/>
                  </a:cubicBezTo>
                  <a:cubicBezTo>
                    <a:pt x="5970" y="76233"/>
                    <a:pt x="-1804" y="97529"/>
                    <a:pt x="10410" y="101600"/>
                  </a:cubicBezTo>
                  <a:cubicBezTo>
                    <a:pt x="23019" y="105803"/>
                    <a:pt x="32217" y="109744"/>
                    <a:pt x="45335" y="111125"/>
                  </a:cubicBezTo>
                  <a:cubicBezTo>
                    <a:pt x="60108" y="112680"/>
                    <a:pt x="74968" y="113242"/>
                    <a:pt x="89785" y="114300"/>
                  </a:cubicBezTo>
                  <a:cubicBezTo>
                    <a:pt x="92960" y="115358"/>
                    <a:pt x="96525" y="115619"/>
                    <a:pt x="99310" y="117475"/>
                  </a:cubicBezTo>
                  <a:cubicBezTo>
                    <a:pt x="122900" y="133202"/>
                    <a:pt x="98695" y="119881"/>
                    <a:pt x="112010" y="136525"/>
                  </a:cubicBezTo>
                  <a:cubicBezTo>
                    <a:pt x="114394" y="139505"/>
                    <a:pt x="118360" y="140758"/>
                    <a:pt x="121535" y="142875"/>
                  </a:cubicBezTo>
                  <a:cubicBezTo>
                    <a:pt x="123652" y="146050"/>
                    <a:pt x="126545" y="148827"/>
                    <a:pt x="127885" y="152400"/>
                  </a:cubicBezTo>
                  <a:cubicBezTo>
                    <a:pt x="129780" y="157453"/>
                    <a:pt x="129889" y="163007"/>
                    <a:pt x="131060" y="168275"/>
                  </a:cubicBezTo>
                  <a:cubicBezTo>
                    <a:pt x="137048" y="195221"/>
                    <a:pt x="131906" y="164674"/>
                    <a:pt x="137410" y="203200"/>
                  </a:cubicBezTo>
                  <a:cubicBezTo>
                    <a:pt x="136352" y="208492"/>
                    <a:pt x="136912" y="214390"/>
                    <a:pt x="134235" y="219075"/>
                  </a:cubicBezTo>
                  <a:cubicBezTo>
                    <a:pt x="132342" y="222388"/>
                    <a:pt x="127641" y="222982"/>
                    <a:pt x="124710" y="225425"/>
                  </a:cubicBezTo>
                  <a:cubicBezTo>
                    <a:pt x="121261" y="228300"/>
                    <a:pt x="118729" y="232193"/>
                    <a:pt x="115185" y="234950"/>
                  </a:cubicBezTo>
                  <a:cubicBezTo>
                    <a:pt x="109161" y="239635"/>
                    <a:pt x="102485" y="243417"/>
                    <a:pt x="96135" y="247650"/>
                  </a:cubicBezTo>
                  <a:cubicBezTo>
                    <a:pt x="88509" y="252734"/>
                    <a:pt x="86122" y="255532"/>
                    <a:pt x="77085" y="257175"/>
                  </a:cubicBezTo>
                  <a:cubicBezTo>
                    <a:pt x="68690" y="258701"/>
                    <a:pt x="60183" y="259577"/>
                    <a:pt x="51685" y="260350"/>
                  </a:cubicBezTo>
                  <a:cubicBezTo>
                    <a:pt x="48523" y="260637"/>
                    <a:pt x="45335" y="260350"/>
                    <a:pt x="42160" y="260350"/>
                  </a:cubicBezTo>
                </a:path>
              </a:pathLst>
            </a:custGeom>
            <a:noFill/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cxnSp>
          <p:nvCxnSpPr>
            <p:cNvPr id="32" name="Straight Arrow Connector 31"/>
            <p:cNvCxnSpPr/>
            <p:nvPr/>
          </p:nvCxnSpPr>
          <p:spPr bwMode="auto">
            <a:xfrm flipH="1" flipV="1">
              <a:off x="5407999" y="4838832"/>
              <a:ext cx="618530" cy="91258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Arrow Connector 33"/>
            <p:cNvCxnSpPr/>
            <p:nvPr/>
          </p:nvCxnSpPr>
          <p:spPr bwMode="auto">
            <a:xfrm>
              <a:off x="5327570" y="5512648"/>
              <a:ext cx="573997" cy="1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36" name="TextBox 38"/>
            <p:cNvSpPr txBox="1"/>
            <p:nvPr/>
          </p:nvSpPr>
          <p:spPr>
            <a:xfrm>
              <a:off x="5667592" y="4220481"/>
              <a:ext cx="1398140" cy="52322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>
                <a:spcBef>
                  <a:spcPts val="0"/>
                </a:spcBef>
              </a:pPr>
              <a:r>
                <a:rPr lang="en-GB" sz="1400" dirty="0"/>
                <a:t>Sun</a:t>
              </a:r>
            </a:p>
            <a:p>
              <a:pPr algn="ctr">
                <a:spcBef>
                  <a:spcPts val="0"/>
                </a:spcBef>
              </a:pPr>
              <a:r>
                <a:rPr lang="en-GB" sz="1400" dirty="0"/>
                <a:t>(disturbance)</a:t>
              </a:r>
            </a:p>
          </p:txBody>
        </p:sp>
        <p:cxnSp>
          <p:nvCxnSpPr>
            <p:cNvPr id="37" name="Straight Arrow Connector 37"/>
            <p:cNvCxnSpPr/>
            <p:nvPr/>
          </p:nvCxnSpPr>
          <p:spPr bwMode="auto">
            <a:xfrm flipH="1">
              <a:off x="6597193" y="4118752"/>
              <a:ext cx="245739" cy="330644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1" name="TextBox 38"/>
          <p:cNvSpPr txBox="1"/>
          <p:nvPr/>
        </p:nvSpPr>
        <p:spPr>
          <a:xfrm>
            <a:off x="339080" y="4149080"/>
            <a:ext cx="938077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400" dirty="0"/>
              <a:t>Speed</a:t>
            </a:r>
          </a:p>
          <a:p>
            <a:pPr algn="ctr">
              <a:spcBef>
                <a:spcPts val="0"/>
              </a:spcBef>
            </a:pPr>
            <a:r>
              <a:rPr lang="en-GB" sz="1400" dirty="0"/>
              <a:t>(output)</a:t>
            </a:r>
          </a:p>
        </p:txBody>
      </p:sp>
      <p:sp>
        <p:nvSpPr>
          <p:cNvPr id="42" name="TextBox 38"/>
          <p:cNvSpPr txBox="1"/>
          <p:nvPr/>
        </p:nvSpPr>
        <p:spPr>
          <a:xfrm>
            <a:off x="1039823" y="5185283"/>
            <a:ext cx="1196225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400" dirty="0"/>
              <a:t>Accelerator</a:t>
            </a:r>
          </a:p>
          <a:p>
            <a:pPr algn="ctr">
              <a:spcBef>
                <a:spcPts val="0"/>
              </a:spcBef>
            </a:pPr>
            <a:r>
              <a:rPr lang="en-GB" sz="1400" dirty="0"/>
              <a:t>(input)</a:t>
            </a:r>
          </a:p>
        </p:txBody>
      </p:sp>
      <p:grpSp>
        <p:nvGrpSpPr>
          <p:cNvPr id="61" name="Group 60"/>
          <p:cNvGrpSpPr/>
          <p:nvPr/>
        </p:nvGrpSpPr>
        <p:grpSpPr>
          <a:xfrm>
            <a:off x="525362" y="4504492"/>
            <a:ext cx="2746709" cy="747683"/>
            <a:chOff x="525362" y="4504492"/>
            <a:chExt cx="2746709" cy="747683"/>
          </a:xfrm>
        </p:grpSpPr>
        <p:pic>
          <p:nvPicPr>
            <p:cNvPr id="40" name="Picture 4" descr="Image result for car clipart"/>
            <p:cNvPicPr>
              <a:picLocks noChangeAspect="1" noChangeArrowheads="1"/>
            </p:cNvPicPr>
            <p:nvPr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 flipH="1">
              <a:off x="1187642" y="4504492"/>
              <a:ext cx="1358741" cy="72000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cxnSp>
          <p:nvCxnSpPr>
            <p:cNvPr id="39" name="Straight Arrow Connector 40"/>
            <p:cNvCxnSpPr/>
            <p:nvPr/>
          </p:nvCxnSpPr>
          <p:spPr bwMode="auto">
            <a:xfrm>
              <a:off x="525362" y="4745983"/>
              <a:ext cx="756986" cy="0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3" name="Straight Arrow Connector 40"/>
            <p:cNvCxnSpPr/>
            <p:nvPr/>
          </p:nvCxnSpPr>
          <p:spPr bwMode="auto">
            <a:xfrm flipV="1">
              <a:off x="1694587" y="4745983"/>
              <a:ext cx="217208" cy="506192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4" name="Straight Arrow Connector 40"/>
            <p:cNvCxnSpPr/>
            <p:nvPr/>
          </p:nvCxnSpPr>
          <p:spPr bwMode="auto">
            <a:xfrm flipH="1">
              <a:off x="2416656" y="4786383"/>
              <a:ext cx="855415" cy="0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arrow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5" name="TextBox 38"/>
          <p:cNvSpPr txBox="1"/>
          <p:nvPr/>
        </p:nvSpPr>
        <p:spPr>
          <a:xfrm>
            <a:off x="2363949" y="4242882"/>
            <a:ext cx="1630575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400" dirty="0"/>
              <a:t>Wind/other cars</a:t>
            </a:r>
          </a:p>
          <a:p>
            <a:pPr algn="ctr">
              <a:spcBef>
                <a:spcPts val="0"/>
              </a:spcBef>
            </a:pPr>
            <a:r>
              <a:rPr lang="en-GB" sz="1400" dirty="0"/>
              <a:t>(disturbance)</a:t>
            </a:r>
          </a:p>
        </p:txBody>
      </p:sp>
      <p:sp>
        <p:nvSpPr>
          <p:cNvPr id="46" name="Rectangle 45"/>
          <p:cNvSpPr/>
          <p:nvPr/>
        </p:nvSpPr>
        <p:spPr>
          <a:xfrm>
            <a:off x="878946" y="2475919"/>
            <a:ext cx="2541080" cy="707886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/>
              <a:t>The actions that could </a:t>
            </a:r>
          </a:p>
          <a:p>
            <a:r>
              <a:rPr lang="en-GB" dirty="0"/>
              <a:t>influence the output</a:t>
            </a:r>
          </a:p>
        </p:txBody>
      </p:sp>
      <p:sp>
        <p:nvSpPr>
          <p:cNvPr id="47" name="Rectangle 46"/>
          <p:cNvSpPr/>
          <p:nvPr/>
        </p:nvSpPr>
        <p:spPr>
          <a:xfrm>
            <a:off x="8956279" y="2460761"/>
            <a:ext cx="2733441" cy="707886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/>
              <a:t>The expected behaviour </a:t>
            </a:r>
          </a:p>
          <a:p>
            <a:r>
              <a:rPr lang="en-GB" dirty="0"/>
              <a:t>of the system</a:t>
            </a:r>
          </a:p>
        </p:txBody>
      </p:sp>
      <p:sp>
        <p:nvSpPr>
          <p:cNvPr id="48" name="Rectangle 47"/>
          <p:cNvSpPr/>
          <p:nvPr/>
        </p:nvSpPr>
        <p:spPr bwMode="auto">
          <a:xfrm>
            <a:off x="8899119" y="4504492"/>
            <a:ext cx="1806029" cy="152379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 defTabSz="914309"/>
            <a:r>
              <a:rPr lang="en-GB" b="1" dirty="0"/>
              <a:t>Wind turbine</a:t>
            </a:r>
          </a:p>
        </p:txBody>
      </p:sp>
      <p:sp>
        <p:nvSpPr>
          <p:cNvPr id="49" name="TextBox 48"/>
          <p:cNvSpPr txBox="1"/>
          <p:nvPr/>
        </p:nvSpPr>
        <p:spPr>
          <a:xfrm>
            <a:off x="7713972" y="4831336"/>
            <a:ext cx="1095363" cy="78483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rtlCol="0">
            <a:spAutoFit/>
          </a:bodyPr>
          <a:lstStyle/>
          <a:p>
            <a:r>
              <a:rPr lang="en-GB" sz="1800" b="1" dirty="0"/>
              <a:t>Inputs</a:t>
            </a:r>
          </a:p>
          <a:p>
            <a:r>
              <a:rPr lang="en-GB" sz="1800" b="1" dirty="0"/>
              <a:t>??</a:t>
            </a:r>
          </a:p>
        </p:txBody>
      </p:sp>
      <p:sp>
        <p:nvSpPr>
          <p:cNvPr id="50" name="TextBox 49"/>
          <p:cNvSpPr txBox="1"/>
          <p:nvPr/>
        </p:nvSpPr>
        <p:spPr>
          <a:xfrm>
            <a:off x="10804871" y="4864492"/>
            <a:ext cx="1227817" cy="78483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rtlCol="0">
            <a:spAutoFit/>
          </a:bodyPr>
          <a:lstStyle/>
          <a:p>
            <a:r>
              <a:rPr lang="en-GB" sz="1800" b="1" dirty="0"/>
              <a:t>Outputs</a:t>
            </a:r>
          </a:p>
          <a:p>
            <a:r>
              <a:rPr lang="en-GB" sz="1800" b="1" dirty="0"/>
              <a:t>??</a:t>
            </a:r>
          </a:p>
        </p:txBody>
      </p:sp>
      <p:sp>
        <p:nvSpPr>
          <p:cNvPr id="51" name="TextBox 7"/>
          <p:cNvSpPr txBox="1"/>
          <p:nvPr/>
        </p:nvSpPr>
        <p:spPr>
          <a:xfrm>
            <a:off x="8840461" y="6132326"/>
            <a:ext cx="1923343" cy="338554"/>
          </a:xfrm>
          <a:prstGeom prst="rect">
            <a:avLst/>
          </a:prstGeom>
          <a:solidFill>
            <a:schemeClr val="bg2">
              <a:lumMod val="20000"/>
              <a:lumOff val="80000"/>
            </a:schemeClr>
          </a:solidFill>
        </p:spPr>
        <p:txBody>
          <a:bodyPr wrap="square" rtlCol="0">
            <a:spAutoFit/>
          </a:bodyPr>
          <a:lstStyle/>
          <a:p>
            <a:pPr algn="ctr"/>
            <a:r>
              <a:rPr lang="en-GB" b="1" i="1" dirty="0"/>
              <a:t>Disturbance ??</a:t>
            </a:r>
          </a:p>
        </p:txBody>
      </p:sp>
      <p:sp>
        <p:nvSpPr>
          <p:cNvPr id="52" name="Rektangel 3"/>
          <p:cNvSpPr/>
          <p:nvPr/>
        </p:nvSpPr>
        <p:spPr bwMode="auto">
          <a:xfrm>
            <a:off x="9047534" y="3525723"/>
            <a:ext cx="1506529" cy="660144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4400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GB" sz="2400" b="1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Think</a:t>
            </a:r>
            <a:endParaRPr kumimoji="0" lang="en-GB" sz="24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169125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3" grpId="0"/>
      <p:bldP spid="35" grpId="0"/>
      <p:bldP spid="41" grpId="0"/>
      <p:bldP spid="42" grpId="0"/>
      <p:bldP spid="45" grpId="0"/>
      <p:bldP spid="46" grpId="0"/>
      <p:bldP spid="47" grpId="0"/>
      <p:bldP spid="48" grpId="0" animBg="1"/>
      <p:bldP spid="49" grpId="0" animBg="1"/>
      <p:bldP spid="50" grpId="0" animBg="1"/>
      <p:bldP spid="51" grpId="0" animBg="1"/>
      <p:bldP spid="52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1020055" y="195181"/>
            <a:ext cx="6615305" cy="776997"/>
          </a:xfrm>
        </p:spPr>
        <p:txBody>
          <a:bodyPr/>
          <a:lstStyle/>
          <a:p>
            <a:r>
              <a:rPr lang="en-GB" dirty="0"/>
              <a:t>Let’s control a wind turbine</a:t>
            </a:r>
          </a:p>
        </p:txBody>
      </p:sp>
      <p:grpSp>
        <p:nvGrpSpPr>
          <p:cNvPr id="6" name="Gruppe 2"/>
          <p:cNvGrpSpPr/>
          <p:nvPr/>
        </p:nvGrpSpPr>
        <p:grpSpPr>
          <a:xfrm>
            <a:off x="886488" y="3789040"/>
            <a:ext cx="6504862" cy="1661378"/>
            <a:chOff x="2629096" y="5109352"/>
            <a:chExt cx="6504862" cy="1661378"/>
          </a:xfrm>
        </p:grpSpPr>
        <p:sp>
          <p:nvSpPr>
            <p:cNvPr id="7" name="Rectangle 3"/>
            <p:cNvSpPr/>
            <p:nvPr/>
          </p:nvSpPr>
          <p:spPr bwMode="auto">
            <a:xfrm>
              <a:off x="5008646" y="6065238"/>
              <a:ext cx="1600185" cy="705492"/>
            </a:xfrm>
            <a:prstGeom prst="rect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914309"/>
              <a:r>
                <a:rPr lang="en-GB" b="1" dirty="0"/>
                <a:t>System</a:t>
              </a:r>
            </a:p>
          </p:txBody>
        </p:sp>
        <p:sp>
          <p:nvSpPr>
            <p:cNvPr id="8" name="Right Arrow 4"/>
            <p:cNvSpPr/>
            <p:nvPr/>
          </p:nvSpPr>
          <p:spPr bwMode="auto">
            <a:xfrm>
              <a:off x="4328881" y="6261651"/>
              <a:ext cx="647988" cy="287994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9" name="Right Arrow 6"/>
            <p:cNvSpPr/>
            <p:nvPr/>
          </p:nvSpPr>
          <p:spPr bwMode="auto">
            <a:xfrm>
              <a:off x="6649724" y="6258575"/>
              <a:ext cx="647988" cy="287994"/>
            </a:xfrm>
            <a:prstGeom prst="right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endParaRPr lang="en-GB" dirty="0"/>
            </a:p>
          </p:txBody>
        </p:sp>
        <p:sp>
          <p:nvSpPr>
            <p:cNvPr id="10" name="TextBox 7"/>
            <p:cNvSpPr txBox="1"/>
            <p:nvPr/>
          </p:nvSpPr>
          <p:spPr>
            <a:xfrm>
              <a:off x="3161535" y="6202545"/>
              <a:ext cx="1095363" cy="369332"/>
            </a:xfrm>
            <a:prstGeom prst="rect">
              <a:avLst/>
            </a:prstGeom>
            <a:solidFill>
              <a:schemeClr val="bg1">
                <a:lumMod val="85000"/>
              </a:schemeClr>
            </a:solidFill>
          </p:spPr>
          <p:txBody>
            <a:bodyPr wrap="square" rtlCol="0">
              <a:spAutoFit/>
            </a:bodyPr>
            <a:lstStyle/>
            <a:p>
              <a:r>
                <a:rPr lang="en-GB" sz="1800" b="1" dirty="0"/>
                <a:t>Inputs</a:t>
              </a:r>
            </a:p>
          </p:txBody>
        </p:sp>
        <p:sp>
          <p:nvSpPr>
            <p:cNvPr id="11" name="TextBox 9"/>
            <p:cNvSpPr txBox="1"/>
            <p:nvPr/>
          </p:nvSpPr>
          <p:spPr>
            <a:xfrm>
              <a:off x="7297712" y="6233318"/>
              <a:ext cx="1271976" cy="369332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</p:spPr>
          <p:txBody>
            <a:bodyPr wrap="square" rtlCol="0">
              <a:spAutoFit/>
            </a:bodyPr>
            <a:lstStyle/>
            <a:p>
              <a:r>
                <a:rPr lang="en-GB" sz="1800" b="1" dirty="0"/>
                <a:t>Outputs</a:t>
              </a:r>
            </a:p>
          </p:txBody>
        </p:sp>
        <p:sp>
          <p:nvSpPr>
            <p:cNvPr id="12" name="TextBox 7"/>
            <p:cNvSpPr txBox="1"/>
            <p:nvPr/>
          </p:nvSpPr>
          <p:spPr>
            <a:xfrm>
              <a:off x="4909837" y="5445224"/>
              <a:ext cx="1797802" cy="338554"/>
            </a:xfrm>
            <a:prstGeom prst="rect">
              <a:avLst/>
            </a:prstGeom>
            <a:solidFill>
              <a:schemeClr val="bg2">
                <a:lumMod val="20000"/>
                <a:lumOff val="80000"/>
              </a:schemeClr>
            </a:solidFill>
          </p:spPr>
          <p:txBody>
            <a:bodyPr wrap="square" rtlCol="0">
              <a:spAutoFit/>
            </a:bodyPr>
            <a:lstStyle/>
            <a:p>
              <a:pPr algn="ctr"/>
              <a:r>
                <a:rPr lang="en-GB" b="1" i="1" dirty="0"/>
                <a:t>Disturbance</a:t>
              </a:r>
            </a:p>
          </p:txBody>
        </p:sp>
        <p:sp>
          <p:nvSpPr>
            <p:cNvPr id="13" name="Nedadgående pil 12"/>
            <p:cNvSpPr/>
            <p:nvPr/>
          </p:nvSpPr>
          <p:spPr bwMode="auto">
            <a:xfrm>
              <a:off x="5718498" y="5783778"/>
              <a:ext cx="180479" cy="270000"/>
            </a:xfrm>
            <a:prstGeom prst="down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14" name="TextBox 19"/>
            <p:cNvSpPr txBox="1"/>
            <p:nvPr/>
          </p:nvSpPr>
          <p:spPr>
            <a:xfrm>
              <a:off x="2629096" y="5468519"/>
              <a:ext cx="2160240" cy="70788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GB" dirty="0">
                  <a:sym typeface="Symbol"/>
                </a:rPr>
                <a:t>pitch, Gen. torque,</a:t>
              </a:r>
            </a:p>
            <a:p>
              <a:pPr algn="ctr"/>
              <a:r>
                <a:rPr lang="en-GB" dirty="0">
                  <a:sym typeface="Symbol"/>
                </a:rPr>
                <a:t>Yaw angle</a:t>
              </a:r>
              <a:endParaRPr lang="en-GB" dirty="0"/>
            </a:p>
          </p:txBody>
        </p:sp>
        <p:sp>
          <p:nvSpPr>
            <p:cNvPr id="15" name="TextBox 19"/>
            <p:cNvSpPr txBox="1"/>
            <p:nvPr/>
          </p:nvSpPr>
          <p:spPr>
            <a:xfrm>
              <a:off x="5464296" y="5109352"/>
              <a:ext cx="688881" cy="33855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GB" dirty="0">
                  <a:sym typeface="Symbol"/>
                </a:rPr>
                <a:t>wind</a:t>
              </a:r>
              <a:endParaRPr lang="en-GB" dirty="0"/>
            </a:p>
          </p:txBody>
        </p:sp>
        <p:sp>
          <p:nvSpPr>
            <p:cNvPr id="16" name="TextBox 19"/>
            <p:cNvSpPr txBox="1"/>
            <p:nvPr/>
          </p:nvSpPr>
          <p:spPr>
            <a:xfrm>
              <a:off x="6973718" y="5923699"/>
              <a:ext cx="2160240" cy="33855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GB" dirty="0">
                  <a:sym typeface="Symbol"/>
                </a:rPr>
                <a:t>power, rotor speed</a:t>
              </a:r>
              <a:endParaRPr lang="en-GB" dirty="0"/>
            </a:p>
          </p:txBody>
        </p:sp>
      </p:grpSp>
      <p:sp>
        <p:nvSpPr>
          <p:cNvPr id="17" name="TextBox 16"/>
          <p:cNvSpPr txBox="1"/>
          <p:nvPr/>
        </p:nvSpPr>
        <p:spPr>
          <a:xfrm>
            <a:off x="1014411" y="1455275"/>
            <a:ext cx="4323620" cy="239007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 sz="2133" b="1" dirty="0"/>
              <a:t>Three required controllers:</a:t>
            </a:r>
          </a:p>
          <a:p>
            <a:pPr marL="285722" indent="-285722">
              <a:buFont typeface="Arial" panose="020B0604020202020204" pitchFamily="34" charset="0"/>
              <a:buChar char="•"/>
            </a:pPr>
            <a:r>
              <a:rPr lang="en-GB" sz="2133" dirty="0"/>
              <a:t>Blade pitch controller</a:t>
            </a:r>
            <a:endParaRPr lang="en-GB" sz="2133" b="1" dirty="0">
              <a:solidFill>
                <a:srgbClr val="1903BD"/>
              </a:solidFill>
            </a:endParaRPr>
          </a:p>
          <a:p>
            <a:pPr marL="285722" indent="-285722">
              <a:buFont typeface="Arial" panose="020B0604020202020204" pitchFamily="34" charset="0"/>
              <a:buChar char="•"/>
            </a:pPr>
            <a:r>
              <a:rPr lang="en-GB" sz="2133" dirty="0"/>
              <a:t>Generator torque controller</a:t>
            </a:r>
            <a:endParaRPr lang="en-GB" sz="2133" b="1" dirty="0">
              <a:solidFill>
                <a:srgbClr val="1903BD"/>
              </a:solidFill>
            </a:endParaRPr>
          </a:p>
          <a:p>
            <a:pPr marL="285722" indent="-285722">
              <a:buFont typeface="Arial" panose="020B0604020202020204" pitchFamily="34" charset="0"/>
              <a:buChar char="•"/>
            </a:pPr>
            <a:r>
              <a:rPr lang="en-GB" sz="2133" dirty="0"/>
              <a:t>Yaw controller</a:t>
            </a:r>
          </a:p>
          <a:p>
            <a:endParaRPr lang="en-GB" sz="2133" b="1" dirty="0">
              <a:solidFill>
                <a:srgbClr val="1903BD"/>
              </a:solidFill>
            </a:endParaRPr>
          </a:p>
        </p:txBody>
      </p:sp>
      <p:grpSp>
        <p:nvGrpSpPr>
          <p:cNvPr id="18" name="Group 17"/>
          <p:cNvGrpSpPr/>
          <p:nvPr/>
        </p:nvGrpSpPr>
        <p:grpSpPr>
          <a:xfrm>
            <a:off x="6428208" y="935942"/>
            <a:ext cx="4838451" cy="3674468"/>
            <a:chOff x="6240857" y="2632954"/>
            <a:chExt cx="4838451" cy="3674468"/>
          </a:xfrm>
        </p:grpSpPr>
        <p:grpSp>
          <p:nvGrpSpPr>
            <p:cNvPr id="19" name="Group 18"/>
            <p:cNvGrpSpPr/>
            <p:nvPr/>
          </p:nvGrpSpPr>
          <p:grpSpPr>
            <a:xfrm>
              <a:off x="6240857" y="2632954"/>
              <a:ext cx="4628184" cy="3674468"/>
              <a:chOff x="5793642" y="1808140"/>
              <a:chExt cx="4628184" cy="3674468"/>
            </a:xfrm>
          </p:grpSpPr>
          <p:pic>
            <p:nvPicPr>
              <p:cNvPr id="23" name="Picture 2"/>
              <p:cNvPicPr>
                <a:picLocks noChangeAspect="1" noChangeArrowheads="1"/>
              </p:cNvPicPr>
              <p:nvPr/>
            </p:nvPicPr>
            <p:blipFill>
              <a:blip r:embed="rId2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6887190" y="2258648"/>
                <a:ext cx="2961266" cy="3223960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</p:pic>
          <p:sp>
            <p:nvSpPr>
              <p:cNvPr id="24" name="TextBox 23"/>
              <p:cNvSpPr txBox="1"/>
              <p:nvPr/>
            </p:nvSpPr>
            <p:spPr>
              <a:xfrm>
                <a:off x="6224055" y="3055175"/>
                <a:ext cx="1728192" cy="338554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r>
                  <a:rPr lang="en-GB" dirty="0"/>
                  <a:t>Pitch angle</a:t>
                </a:r>
              </a:p>
            </p:txBody>
          </p:sp>
          <p:sp>
            <p:nvSpPr>
              <p:cNvPr id="25" name="TextBox 24"/>
              <p:cNvSpPr txBox="1"/>
              <p:nvPr/>
            </p:nvSpPr>
            <p:spPr>
              <a:xfrm>
                <a:off x="5793642" y="3306462"/>
                <a:ext cx="2539479" cy="338554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r>
                  <a:rPr lang="en-GB" dirty="0"/>
                  <a:t>Generator torque</a:t>
                </a:r>
              </a:p>
            </p:txBody>
          </p:sp>
          <p:sp>
            <p:nvSpPr>
              <p:cNvPr id="26" name="TextBox 25"/>
              <p:cNvSpPr txBox="1"/>
              <p:nvPr/>
            </p:nvSpPr>
            <p:spPr>
              <a:xfrm>
                <a:off x="9186162" y="3717168"/>
                <a:ext cx="1235664" cy="338554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r>
                  <a:rPr lang="en-GB" dirty="0"/>
                  <a:t>Power</a:t>
                </a:r>
              </a:p>
            </p:txBody>
          </p:sp>
          <p:sp>
            <p:nvSpPr>
              <p:cNvPr id="27" name="TextBox 7"/>
              <p:cNvSpPr txBox="1"/>
              <p:nvPr/>
            </p:nvSpPr>
            <p:spPr>
              <a:xfrm>
                <a:off x="8111430" y="1808140"/>
                <a:ext cx="864096" cy="338554"/>
              </a:xfrm>
              <a:prstGeom prst="rect">
                <a:avLst/>
              </a:prstGeom>
              <a:solidFill>
                <a:schemeClr val="bg2">
                  <a:lumMod val="20000"/>
                  <a:lumOff val="80000"/>
                </a:schemeClr>
              </a:solidFill>
            </p:spPr>
            <p:txBody>
              <a:bodyPr wrap="square" rtlCol="0">
                <a:spAutoFit/>
              </a:bodyPr>
              <a:lstStyle/>
              <a:p>
                <a:pPr algn="ctr"/>
                <a:r>
                  <a:rPr lang="en-GB" b="1" dirty="0"/>
                  <a:t>Wind</a:t>
                </a:r>
              </a:p>
            </p:txBody>
          </p:sp>
          <p:sp>
            <p:nvSpPr>
              <p:cNvPr id="28" name="Nedadgående pil 24"/>
              <p:cNvSpPr/>
              <p:nvPr/>
            </p:nvSpPr>
            <p:spPr bwMode="auto">
              <a:xfrm>
                <a:off x="8448693" y="2222896"/>
                <a:ext cx="180479" cy="270000"/>
              </a:xfrm>
              <a:prstGeom prst="downArrow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indent="0" algn="l" defTabSz="914400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GB" sz="1600" b="0" i="0" u="none" strike="noStrike" cap="none" normalizeH="0" baseline="0">
                  <a:ln>
                    <a:noFill/>
                  </a:ln>
                  <a:solidFill>
                    <a:schemeClr val="tx1"/>
                  </a:solidFill>
                  <a:effectLst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9" name="TextBox 19"/>
              <p:cNvSpPr txBox="1"/>
              <p:nvPr/>
            </p:nvSpPr>
            <p:spPr>
              <a:xfrm>
                <a:off x="5818608" y="3585973"/>
                <a:ext cx="1976265" cy="338554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pPr algn="ctr"/>
                <a:r>
                  <a:rPr lang="en-GB" dirty="0">
                    <a:sym typeface="Symbol"/>
                  </a:rPr>
                  <a:t>Yaw angle</a:t>
                </a:r>
                <a:endParaRPr lang="en-GB" dirty="0"/>
              </a:p>
            </p:txBody>
          </p:sp>
        </p:grpSp>
        <p:sp>
          <p:nvSpPr>
            <p:cNvPr id="20" name="Nedadgående pil 24"/>
            <p:cNvSpPr/>
            <p:nvPr/>
          </p:nvSpPr>
          <p:spPr bwMode="auto">
            <a:xfrm rot="16200000">
              <a:off x="8336072" y="4379797"/>
              <a:ext cx="167970" cy="277177"/>
            </a:xfrm>
            <a:prstGeom prst="down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1" name="Nedadgående pil 24"/>
            <p:cNvSpPr/>
            <p:nvPr/>
          </p:nvSpPr>
          <p:spPr bwMode="auto">
            <a:xfrm rot="16200000">
              <a:off x="9338756" y="4415226"/>
              <a:ext cx="167970" cy="277177"/>
            </a:xfrm>
            <a:prstGeom prst="downArrow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2" name="TextBox 21"/>
            <p:cNvSpPr txBox="1"/>
            <p:nvPr/>
          </p:nvSpPr>
          <p:spPr>
            <a:xfrm>
              <a:off x="9643856" y="4215260"/>
              <a:ext cx="1435452" cy="33855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GB" dirty="0"/>
                <a:t>Rotor speed</a:t>
              </a:r>
            </a:p>
          </p:txBody>
        </p:sp>
      </p:grpSp>
      <p:sp>
        <p:nvSpPr>
          <p:cNvPr id="30" name="Rectangle 29"/>
          <p:cNvSpPr/>
          <p:nvPr/>
        </p:nvSpPr>
        <p:spPr bwMode="auto">
          <a:xfrm>
            <a:off x="3613758" y="5847359"/>
            <a:ext cx="961664" cy="520330"/>
          </a:xfrm>
          <a:prstGeom prst="rect">
            <a:avLst/>
          </a:prstGeom>
          <a:solidFill>
            <a:schemeClr val="accent6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algn="ctr" defTabSz="914309"/>
            <a:r>
              <a:rPr lang="en-GB" sz="2500" b="1" dirty="0"/>
              <a:t>?</a:t>
            </a:r>
          </a:p>
        </p:txBody>
      </p:sp>
      <p:cxnSp>
        <p:nvCxnSpPr>
          <p:cNvPr id="31" name="Elbow Connector 10"/>
          <p:cNvCxnSpPr>
            <a:stCxn id="11" idx="2"/>
            <a:endCxn id="30" idx="3"/>
          </p:cNvCxnSpPr>
          <p:nvPr/>
        </p:nvCxnSpPr>
        <p:spPr bwMode="auto">
          <a:xfrm rot="5400000">
            <a:off x="4970664" y="4887096"/>
            <a:ext cx="825186" cy="1615670"/>
          </a:xfrm>
          <a:prstGeom prst="bentConnector2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2" name="Elbow Connector 12"/>
          <p:cNvCxnSpPr>
            <a:stCxn id="30" idx="1"/>
            <a:endCxn id="10" idx="2"/>
          </p:cNvCxnSpPr>
          <p:nvPr/>
        </p:nvCxnSpPr>
        <p:spPr bwMode="auto">
          <a:xfrm rot="10800000">
            <a:off x="1966610" y="5251566"/>
            <a:ext cx="1647149" cy="855959"/>
          </a:xfrm>
          <a:prstGeom prst="bentConnector2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82691555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0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>
          <a:xfrm>
            <a:off x="11506450" y="6231272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5" name="Picture 2"/>
          <p:cNvPicPr>
            <a:picLocks noGrp="1" noChangeAspect="1" noChangeArrowheads="1"/>
          </p:cNvPicPr>
          <p:nvPr>
            <p:ph idx="1"/>
          </p:nvPr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5442193" y="1813977"/>
            <a:ext cx="6496857" cy="441729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</p:pic>
      <p:sp>
        <p:nvSpPr>
          <p:cNvPr id="7" name="Rectangle 6"/>
          <p:cNvSpPr/>
          <p:nvPr/>
        </p:nvSpPr>
        <p:spPr bwMode="auto">
          <a:xfrm>
            <a:off x="7991250" y="2321638"/>
            <a:ext cx="548380" cy="3403210"/>
          </a:xfrm>
          <a:prstGeom prst="rect">
            <a:avLst/>
          </a:prstGeom>
          <a:solidFill>
            <a:schemeClr val="bg1">
              <a:lumMod val="65000"/>
              <a:alpha val="14902"/>
            </a:schemeClr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vert270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r>
              <a:rPr lang="en-GB" sz="1800" dirty="0"/>
              <a:t>              Region 2.5</a:t>
            </a:r>
            <a:endParaRPr lang="en-GB" dirty="0"/>
          </a:p>
        </p:txBody>
      </p:sp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1054646" y="191952"/>
            <a:ext cx="7792619" cy="695217"/>
          </a:xfrm>
        </p:spPr>
        <p:txBody>
          <a:bodyPr/>
          <a:lstStyle/>
          <a:p>
            <a:r>
              <a:rPr lang="en-GB" dirty="0"/>
              <a:t>Wind turbine control objectives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982638" y="1214712"/>
            <a:ext cx="10956412" cy="912942"/>
          </a:xfrm>
          <a:prstGeom prst="rect">
            <a:avLst/>
          </a:prstGeom>
          <a:noFill/>
          <a:ln w="19050">
            <a:noFill/>
          </a:ln>
        </p:spPr>
        <p:txBody>
          <a:bodyPr wrap="square" rtlCol="0">
            <a:spAutoFit/>
          </a:bodyPr>
          <a:lstStyle/>
          <a:p>
            <a:pPr>
              <a:tabLst>
                <a:tab pos="1973263" algn="l"/>
              </a:tabLst>
            </a:pPr>
            <a:r>
              <a:rPr lang="en-GB" sz="2133" b="1" dirty="0"/>
              <a:t>Objectives: </a:t>
            </a:r>
            <a:r>
              <a:rPr lang="en-GB" sz="2133" dirty="0"/>
              <a:t>	(1) Optimize power production at below rated wind speeds</a:t>
            </a:r>
          </a:p>
          <a:p>
            <a:pPr>
              <a:tabLst>
                <a:tab pos="1973263" algn="l"/>
              </a:tabLst>
            </a:pPr>
            <a:r>
              <a:rPr lang="en-GB" sz="2133" dirty="0"/>
              <a:t>	(2) Limit power and loads at above rated wind speeds</a:t>
            </a:r>
          </a:p>
        </p:txBody>
      </p:sp>
      <p:grpSp>
        <p:nvGrpSpPr>
          <p:cNvPr id="28" name="Group 27"/>
          <p:cNvGrpSpPr/>
          <p:nvPr/>
        </p:nvGrpSpPr>
        <p:grpSpPr>
          <a:xfrm>
            <a:off x="6280544" y="2997533"/>
            <a:ext cx="1717848" cy="2732987"/>
            <a:chOff x="6280544" y="2997533"/>
            <a:chExt cx="1717848" cy="2732987"/>
          </a:xfrm>
        </p:grpSpPr>
        <p:sp>
          <p:nvSpPr>
            <p:cNvPr id="6" name="Rectangle 5"/>
            <p:cNvSpPr/>
            <p:nvPr/>
          </p:nvSpPr>
          <p:spPr bwMode="auto">
            <a:xfrm>
              <a:off x="6280544" y="2997533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12" name="Rektangel 2"/>
            <p:cNvSpPr/>
            <p:nvPr/>
          </p:nvSpPr>
          <p:spPr>
            <a:xfrm>
              <a:off x="6411628" y="4631073"/>
              <a:ext cx="1448539" cy="338554"/>
            </a:xfrm>
            <a:prstGeom prst="rect">
              <a:avLst/>
            </a:prstGeom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wrap="square">
              <a:spAutoFit/>
            </a:bodyPr>
            <a:lstStyle/>
            <a:p>
              <a:pPr algn="ctr">
                <a:spcBef>
                  <a:spcPts val="0"/>
                </a:spcBef>
              </a:pPr>
              <a:r>
                <a:rPr lang="en-GB" b="1" dirty="0"/>
                <a:t>Below rated</a:t>
              </a:r>
            </a:p>
          </p:txBody>
        </p:sp>
      </p:grpSp>
      <p:grpSp>
        <p:nvGrpSpPr>
          <p:cNvPr id="29" name="Group 28"/>
          <p:cNvGrpSpPr/>
          <p:nvPr/>
        </p:nvGrpSpPr>
        <p:grpSpPr>
          <a:xfrm>
            <a:off x="8538136" y="2335467"/>
            <a:ext cx="2765174" cy="3392650"/>
            <a:chOff x="8538136" y="2335467"/>
            <a:chExt cx="2765174" cy="3392650"/>
          </a:xfrm>
        </p:grpSpPr>
        <p:sp>
          <p:nvSpPr>
            <p:cNvPr id="8" name="Rectangle 7"/>
            <p:cNvSpPr/>
            <p:nvPr/>
          </p:nvSpPr>
          <p:spPr bwMode="auto">
            <a:xfrm>
              <a:off x="8538136" y="2335467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  <p:sp>
          <p:nvSpPr>
            <p:cNvPr id="13" name="Rektangel 9"/>
            <p:cNvSpPr/>
            <p:nvPr/>
          </p:nvSpPr>
          <p:spPr>
            <a:xfrm>
              <a:off x="9163578" y="4292519"/>
              <a:ext cx="1575722" cy="338554"/>
            </a:xfrm>
            <a:prstGeom prst="rect">
              <a:avLst/>
            </a:prstGeom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wrap="square">
              <a:spAutoFit/>
            </a:bodyPr>
            <a:lstStyle/>
            <a:p>
              <a:pPr algn="ctr">
                <a:spcBef>
                  <a:spcPts val="0"/>
                </a:spcBef>
              </a:pPr>
              <a:r>
                <a:rPr lang="en-GB" b="1" dirty="0"/>
                <a:t>Above rated</a:t>
              </a:r>
            </a:p>
          </p:txBody>
        </p:sp>
      </p:grpSp>
      <p:sp>
        <p:nvSpPr>
          <p:cNvPr id="14" name="Rektangel 2"/>
          <p:cNvSpPr/>
          <p:nvPr/>
        </p:nvSpPr>
        <p:spPr>
          <a:xfrm>
            <a:off x="9141562" y="5027112"/>
            <a:ext cx="1654318" cy="338554"/>
          </a:xfrm>
          <a:prstGeom prst="rect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b="1" dirty="0"/>
              <a:t>Pitch control</a:t>
            </a:r>
          </a:p>
        </p:txBody>
      </p:sp>
      <p:sp>
        <p:nvSpPr>
          <p:cNvPr id="15" name="Rektangel 2"/>
          <p:cNvSpPr/>
          <p:nvPr/>
        </p:nvSpPr>
        <p:spPr>
          <a:xfrm>
            <a:off x="6280544" y="5365666"/>
            <a:ext cx="1645604" cy="338554"/>
          </a:xfrm>
          <a:prstGeom prst="rect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b="1" dirty="0"/>
              <a:t>Torque control</a:t>
            </a:r>
          </a:p>
        </p:txBody>
      </p:sp>
      <p:sp>
        <p:nvSpPr>
          <p:cNvPr id="24" name="Rektangel 9"/>
          <p:cNvSpPr/>
          <p:nvPr/>
        </p:nvSpPr>
        <p:spPr>
          <a:xfrm>
            <a:off x="8019922" y="6195995"/>
            <a:ext cx="1036427" cy="276999"/>
          </a:xfrm>
          <a:prstGeom prst="rect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200" b="1" dirty="0"/>
              <a:t>Rated </a:t>
            </a:r>
            <a:r>
              <a:rPr lang="en-GB" sz="1200" b="1" dirty="0" err="1"/>
              <a:t>wsp</a:t>
            </a:r>
            <a:endParaRPr lang="en-GB" sz="1200" b="1" dirty="0"/>
          </a:p>
        </p:txBody>
      </p:sp>
      <p:cxnSp>
        <p:nvCxnSpPr>
          <p:cNvPr id="25" name="Straight Arrow Connector 40"/>
          <p:cNvCxnSpPr/>
          <p:nvPr/>
        </p:nvCxnSpPr>
        <p:spPr bwMode="auto">
          <a:xfrm flipH="1" flipV="1">
            <a:off x="8538136" y="5769825"/>
            <a:ext cx="1" cy="389076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/>
          <p:cNvSpPr txBox="1"/>
          <p:nvPr/>
        </p:nvSpPr>
        <p:spPr>
          <a:xfrm>
            <a:off x="723648" y="2318998"/>
            <a:ext cx="4792397" cy="3046668"/>
          </a:xfrm>
          <a:prstGeom prst="rect">
            <a:avLst/>
          </a:prstGeom>
          <a:solidFill>
            <a:schemeClr val="bg1"/>
          </a:solidFill>
          <a:ln w="19050">
            <a:noFill/>
          </a:ln>
        </p:spPr>
        <p:txBody>
          <a:bodyPr wrap="square" rtlCol="0">
            <a:spAutoFit/>
          </a:bodyPr>
          <a:lstStyle/>
          <a:p>
            <a:pPr>
              <a:lnSpc>
                <a:spcPct val="150000"/>
              </a:lnSpc>
            </a:pPr>
            <a:r>
              <a:rPr lang="en-GB" sz="2133" b="1" dirty="0"/>
              <a:t>Regions:</a:t>
            </a:r>
          </a:p>
          <a:p>
            <a:pPr marL="342866" indent="-342866">
              <a:lnSpc>
                <a:spcPct val="150000"/>
              </a:lnSpc>
              <a:buFont typeface="+mj-lt"/>
              <a:buAutoNum type="arabicPeriod"/>
            </a:pPr>
            <a:r>
              <a:rPr lang="en-GB" sz="2133" dirty="0"/>
              <a:t>Variable speed, optimal power tracking</a:t>
            </a:r>
          </a:p>
          <a:p>
            <a:pPr marL="342866" indent="-342866">
              <a:lnSpc>
                <a:spcPct val="150000"/>
              </a:lnSpc>
              <a:buFont typeface="+mj-lt"/>
              <a:buAutoNum type="arabicPeriod"/>
            </a:pPr>
            <a:r>
              <a:rPr lang="en-GB" sz="2133" dirty="0"/>
              <a:t>Rotor speed regulation</a:t>
            </a:r>
          </a:p>
          <a:p>
            <a:pPr marL="342866" indent="-342866">
              <a:lnSpc>
                <a:spcPct val="150000"/>
              </a:lnSpc>
              <a:buFont typeface="+mj-lt"/>
              <a:buAutoNum type="arabicPeriod"/>
            </a:pPr>
            <a:r>
              <a:rPr lang="en-GB" sz="2133" dirty="0"/>
              <a:t>Power and speed regulation</a:t>
            </a:r>
          </a:p>
        </p:txBody>
      </p:sp>
    </p:spTree>
    <p:extLst>
      <p:ext uri="{BB962C8B-B14F-4D97-AF65-F5344CB8AC3E}">
        <p14:creationId xmlns:p14="http://schemas.microsoft.com/office/powerpoint/2010/main" val="11030387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10" grpId="0"/>
      <p:bldP spid="14" grpId="0" animBg="1"/>
      <p:bldP spid="15" grpId="0" animBg="1"/>
      <p:bldP spid="24" grpId="0" animBg="1"/>
      <p:bldP spid="11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8PReusGPj6X4FK+Y7M4jvQ=="},{"name":"PresentationTitle","value":"dFwGtGkeT67kRUsxH12I/e1PyK/X3jVljv4nSaFIF2g="}]}]]></TemplafyFormConfiguration>
</file>

<file path=customXml/item2.xml><?xml version="1.0" encoding="utf-8"?>
<TemplafyTemplateConfiguration><![CDATA[{"elementsMetadata":[{"type":"shape","id":"32e20b93-f8f0-4438-9d21-6230dbd4e858","elementConfiguration":{"binding":"UserProfile.Offices.Workarea_{{DocumentLanguage}}","disableUpdates":false,"type":"text"}},{"type":"shape","id":"405b9a8a-8b41-41ab-8c32-d93f4eb448bf","elementConfiguration":{"binding":"Form.Date","format":"{{DateFormats.GeneralDate}}","disableUpdates":false,"type":"date"}},{"type":"shape","id":"bd0d50e4-bc21-458e-ac32-a32373239190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196</TotalTime>
  <Words>1183</Words>
  <Application>Microsoft Office PowerPoint</Application>
  <PresentationFormat>Custom</PresentationFormat>
  <Paragraphs>243</Paragraphs>
  <Slides>2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8" baseType="lpstr">
      <vt:lpstr>Arial</vt:lpstr>
      <vt:lpstr>Arial Rounded MT Bold</vt:lpstr>
      <vt:lpstr>Calibri</vt:lpstr>
      <vt:lpstr>Cambria Math</vt:lpstr>
      <vt:lpstr>Verdana</vt:lpstr>
      <vt:lpstr>Blank</vt:lpstr>
      <vt:lpstr>PowerPoint Presentation</vt:lpstr>
      <vt:lpstr>Wind turbine control basics  </vt:lpstr>
      <vt:lpstr>Lecturers</vt:lpstr>
      <vt:lpstr>Nergica introduction</vt:lpstr>
      <vt:lpstr>Course structure</vt:lpstr>
      <vt:lpstr>Learning objectives</vt:lpstr>
      <vt:lpstr>Basic control concepts </vt:lpstr>
      <vt:lpstr>Let’s control a wind turbine</vt:lpstr>
      <vt:lpstr>Wind turbine control objectives</vt:lpstr>
      <vt:lpstr>Open-loop control</vt:lpstr>
      <vt:lpstr>Open-loop Example: Part_1.m</vt:lpstr>
      <vt:lpstr>Open-loop Example: Part_1.m</vt:lpstr>
      <vt:lpstr>Open-loop Example: Part_1.m</vt:lpstr>
      <vt:lpstr>Open-loop Example: Part_1.m </vt:lpstr>
      <vt:lpstr>Closed-loop control</vt:lpstr>
      <vt:lpstr>Let’s consider Region 3 control for now</vt:lpstr>
      <vt:lpstr>Proportional (P) controller: Part_2.m</vt:lpstr>
      <vt:lpstr>Proportional (P) controller</vt:lpstr>
      <vt:lpstr>PowerPoint Presentation</vt:lpstr>
      <vt:lpstr>PowerPoint Presentation</vt:lpstr>
      <vt:lpstr>How about the derivative (D) term?</vt:lpstr>
      <vt:lpstr>Summar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lan Wai Hou Lio</cp:lastModifiedBy>
  <cp:revision>128</cp:revision>
  <dcterms:created xsi:type="dcterms:W3CDTF">2017-07-31T08:31:56Z</dcterms:created>
  <dcterms:modified xsi:type="dcterms:W3CDTF">2021-06-07T14:36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7513408964947</vt:lpwstr>
  </property>
  <property fmtid="{D5CDD505-2E9C-101B-9397-08002B2CF9AE}" pid="6" name="TemplafyLanguageCode">
    <vt:lpwstr>en-GB</vt:lpwstr>
  </property>
</Properties>
</file>